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3426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843938\Desktop\FBLA Past Winners\"/>
    </mc:Choice>
  </mc:AlternateContent>
  <xr:revisionPtr revIDLastSave="0" documentId="8_{09F4FBB8-5D82-402C-8768-44467D4AB050}" xr6:coauthVersionLast="45" xr6:coauthVersionMax="45" xr10:uidLastSave="{00000000-0000-0000-0000-000000000000}"/>
  <bookViews>
    <workbookView xWindow="-120" yWindow="-120" windowWidth="29040" windowHeight="15840" xr2:uid="{00000000-000D-0000-FFFF-FFFF00000000}"/>
  </bookViews>
  <sheets>
    <sheet name="15 FBLA Results" sheetId="1" r:id="rId1"/>
    <sheet name="Application Scores" sheetId="2" r:id="rId2"/>
  </sheets>
  <calcPr calcId="144525"/>
</workbook>
</file>

<file path=xl/sharedStrings.xml><?xml version="1.0" encoding="utf-8"?>
<sst xmlns="http://schemas.openxmlformats.org/spreadsheetml/2006/main" count="2062" uniqueCount="1015">
  <si>
    <t>Contest</t>
  </si>
  <si>
    <t>ParticipantFistName</t>
  </si>
  <si>
    <t>School</t>
  </si>
  <si>
    <t>Place</t>
  </si>
  <si>
    <t>3D Animation</t>
  </si>
  <si>
    <t>Burtis, Noah</t>
  </si>
  <si>
    <t>Berthoud High School</t>
  </si>
  <si>
    <t>Mann, Keegan / Meredith, Blake / Rassoshko, Kiril</t>
  </si>
  <si>
    <t>Fleming High School</t>
  </si>
  <si>
    <t>Garcia, Samantha / Pace, Hannah</t>
  </si>
  <si>
    <t>Olathe High School</t>
  </si>
  <si>
    <t>Horiuchi, Tyler / Knabenshue, Joshua</t>
  </si>
  <si>
    <t>Swink High School</t>
  </si>
  <si>
    <t>Vista Ridge High School</t>
  </si>
  <si>
    <t>Accounting I</t>
  </si>
  <si>
    <t>Akron High School</t>
  </si>
  <si>
    <t>Brenna</t>
  </si>
  <si>
    <t>Rivale</t>
  </si>
  <si>
    <t>Alamosa High School</t>
  </si>
  <si>
    <t>Jessica</t>
  </si>
  <si>
    <t>Evan</t>
  </si>
  <si>
    <t>Minor</t>
  </si>
  <si>
    <t>Arickaree School</t>
  </si>
  <si>
    <t>Swirvine</t>
  </si>
  <si>
    <t>Nyirenda</t>
  </si>
  <si>
    <t>Cherokee Trail High School</t>
  </si>
  <si>
    <t>Rausny</t>
  </si>
  <si>
    <t>Merchant</t>
  </si>
  <si>
    <t>Cherry Creek High School</t>
  </si>
  <si>
    <t>Mikayla</t>
  </si>
  <si>
    <t>Hannegrefs</t>
  </si>
  <si>
    <t>Delta High School</t>
  </si>
  <si>
    <t>Doherty High School</t>
  </si>
  <si>
    <t>Eaton High School</t>
  </si>
  <si>
    <t>Megan</t>
  </si>
  <si>
    <t>Hawthorn</t>
  </si>
  <si>
    <t>George</t>
  </si>
  <si>
    <t>Elizabeth High School</t>
  </si>
  <si>
    <t>Jenna</t>
  </si>
  <si>
    <t>Luna</t>
  </si>
  <si>
    <t>Englewood Senior High School</t>
  </si>
  <si>
    <t>Caitlyn</t>
  </si>
  <si>
    <t>Crisp</t>
  </si>
  <si>
    <t>Flagler High School</t>
  </si>
  <si>
    <t>MacKenzie</t>
  </si>
  <si>
    <t>Graham</t>
  </si>
  <si>
    <t>Fossil Ridge High School</t>
  </si>
  <si>
    <t>Lauren</t>
  </si>
  <si>
    <t>Monarch High School</t>
  </si>
  <si>
    <t>Jack</t>
  </si>
  <si>
    <t>Montrose High School</t>
  </si>
  <si>
    <t>Martinez</t>
  </si>
  <si>
    <t>Rocky Ford High School</t>
  </si>
  <si>
    <t>Sanford High School</t>
  </si>
  <si>
    <t>Silver Creek High School</t>
  </si>
  <si>
    <t>Marissa</t>
  </si>
  <si>
    <t>Thornton High School</t>
  </si>
  <si>
    <t>Zach</t>
  </si>
  <si>
    <t>Wray High School</t>
  </si>
  <si>
    <t>Brandon</t>
  </si>
  <si>
    <t>Stoeber</t>
  </si>
  <si>
    <t>Soehner</t>
  </si>
  <si>
    <t>Accounting II</t>
  </si>
  <si>
    <t>Jason</t>
  </si>
  <si>
    <t>Adams City High School</t>
  </si>
  <si>
    <t>Taylor</t>
  </si>
  <si>
    <t>Caliche High School</t>
  </si>
  <si>
    <t>Alec</t>
  </si>
  <si>
    <t>Slawson</t>
  </si>
  <si>
    <t>Ferreira</t>
  </si>
  <si>
    <t>Tanya</t>
  </si>
  <si>
    <t>Bui</t>
  </si>
  <si>
    <t>Denver Center for International Studies</t>
  </si>
  <si>
    <t>Bethany</t>
  </si>
  <si>
    <t>Stogsdill</t>
  </si>
  <si>
    <t>Emily</t>
  </si>
  <si>
    <t>Garland</t>
  </si>
  <si>
    <t>Asa</t>
  </si>
  <si>
    <t>Madison</t>
  </si>
  <si>
    <t>Florence High School</t>
  </si>
  <si>
    <t>Owen</t>
  </si>
  <si>
    <t>Mellen</t>
  </si>
  <si>
    <t>Fort Lupton High School</t>
  </si>
  <si>
    <t>Sabastian</t>
  </si>
  <si>
    <t>May</t>
  </si>
  <si>
    <t>Minda</t>
  </si>
  <si>
    <t>Katilius</t>
  </si>
  <si>
    <t>Dominic</t>
  </si>
  <si>
    <t>Lovato</t>
  </si>
  <si>
    <t>Marisa</t>
  </si>
  <si>
    <t>Cruz</t>
  </si>
  <si>
    <t>Agribusiness</t>
  </si>
  <si>
    <t>Jonathan</t>
  </si>
  <si>
    <t>Schlagel</t>
  </si>
  <si>
    <t>Big Sandy High School</t>
  </si>
  <si>
    <t>Kai</t>
  </si>
  <si>
    <t>Wayman</t>
  </si>
  <si>
    <t>Boulder High School</t>
  </si>
  <si>
    <t>Wes</t>
  </si>
  <si>
    <t>Boone</t>
  </si>
  <si>
    <t>Nick</t>
  </si>
  <si>
    <t>Gunther</t>
  </si>
  <si>
    <t>Fairview High School</t>
  </si>
  <si>
    <t>Fowler High School</t>
  </si>
  <si>
    <t>Blaine</t>
  </si>
  <si>
    <t>Larson</t>
  </si>
  <si>
    <t>Michal</t>
  </si>
  <si>
    <t>Troutman</t>
  </si>
  <si>
    <t>Grandview High School</t>
  </si>
  <si>
    <t>Levi</t>
  </si>
  <si>
    <t>Kurtzer</t>
  </si>
  <si>
    <t>Haxtun High School</t>
  </si>
  <si>
    <t>Tran</t>
  </si>
  <si>
    <t>John F. Kennedy High School</t>
  </si>
  <si>
    <t>Tyler</t>
  </si>
  <si>
    <t>Peetz High School</t>
  </si>
  <si>
    <t>Clark</t>
  </si>
  <si>
    <t>Platte Valley High School</t>
  </si>
  <si>
    <t>Rayna</t>
  </si>
  <si>
    <t>Hodgson</t>
  </si>
  <si>
    <t>Pueblo Centennial High School</t>
  </si>
  <si>
    <t>Eric</t>
  </si>
  <si>
    <t>Rampart High School</t>
  </si>
  <si>
    <t>Forrest</t>
  </si>
  <si>
    <t>Toyne</t>
  </si>
  <si>
    <t>Revere High School</t>
  </si>
  <si>
    <t>Peterson</t>
  </si>
  <si>
    <t>Helen</t>
  </si>
  <si>
    <t>Sargent High School</t>
  </si>
  <si>
    <t>Springfield High School</t>
  </si>
  <si>
    <t>Flint</t>
  </si>
  <si>
    <t>Corliss</t>
  </si>
  <si>
    <t>Stratton High School</t>
  </si>
  <si>
    <t>Harris</t>
  </si>
  <si>
    <t>Wiggins High School</t>
  </si>
  <si>
    <t>American Enterprise Project</t>
  </si>
  <si>
    <t>Sanchez, Magaly / Toquinto, Pablo</t>
  </si>
  <si>
    <t>Christensen, Karli / Holtorf, Lizzie</t>
  </si>
  <si>
    <t>Cheyenne Wells High School</t>
  </si>
  <si>
    <t>Fowler, Chance / Gyurman, Savanna / Mitchek, Trenton</t>
  </si>
  <si>
    <t>Eads High School</t>
  </si>
  <si>
    <t>Herman, Austin / Nelson, Xander</t>
  </si>
  <si>
    <t>Holyoke High School</t>
  </si>
  <si>
    <t>Cano, Denise / Shaffer, Reagan</t>
  </si>
  <si>
    <t>Idalia High School</t>
  </si>
  <si>
    <t>Bjerke, Mallori / Curlee, Mikenna / Uhl, Jessica</t>
  </si>
  <si>
    <t>Hirakata, Payton / Mills, Dillon / Ortega, Alexis</t>
  </si>
  <si>
    <t>Estrada, Belen / Gulley, Ashley / Gulley, Taylor</t>
  </si>
  <si>
    <t>Banking &amp; Financial Systems</t>
  </si>
  <si>
    <t>Behr, Dylan / Carr, Gordon / Robsinson, Trey</t>
  </si>
  <si>
    <t>Aspen High School</t>
  </si>
  <si>
    <t>Barel, Cory / Poteat, William</t>
  </si>
  <si>
    <t>Halvas, Jorge / Patel, Daivi</t>
  </si>
  <si>
    <t>Ferriman, Elizabeth / Warner, Mike</t>
  </si>
  <si>
    <t>Ellicott High School</t>
  </si>
  <si>
    <t>Heritage High School</t>
  </si>
  <si>
    <t>Baldridge, Emilee / Stiger, Stephanie</t>
  </si>
  <si>
    <t>Longmont High School</t>
  </si>
  <si>
    <t>Guisness, Cameron / Savage, Jordan / Sawtelle, Caroline</t>
  </si>
  <si>
    <t>Granger, Cobi / Schnettler, Renee / Wilson, Daniel</t>
  </si>
  <si>
    <t>Northglenn High School</t>
  </si>
  <si>
    <t>Celecki, Alec / Purchase, Nicholas</t>
  </si>
  <si>
    <t>Rock Canyon High School</t>
  </si>
  <si>
    <t>Adame, Austin / Burkstaller, Luke / Schrock, Kyle</t>
  </si>
  <si>
    <t>Williams, Andrew / Calvin, David</t>
  </si>
  <si>
    <t>Windsor High School</t>
  </si>
  <si>
    <t>Business Calculations</t>
  </si>
  <si>
    <t>Alex</t>
  </si>
  <si>
    <t>Valenzuela</t>
  </si>
  <si>
    <t>Antonito High School</t>
  </si>
  <si>
    <t>Nathan</t>
  </si>
  <si>
    <t>Arapahoe High School</t>
  </si>
  <si>
    <t>Michael</t>
  </si>
  <si>
    <t>Loesel</t>
  </si>
  <si>
    <t>Broomfield High School</t>
  </si>
  <si>
    <t>Canon City High School</t>
  </si>
  <si>
    <t>Chad</t>
  </si>
  <si>
    <t>Russell</t>
  </si>
  <si>
    <t>Crowley County High School</t>
  </si>
  <si>
    <t>Gump</t>
  </si>
  <si>
    <t>Arthur</t>
  </si>
  <si>
    <t>Zabronsky</t>
  </si>
  <si>
    <t>Douglas County High School</t>
  </si>
  <si>
    <t>Payton</t>
  </si>
  <si>
    <t>Joey</t>
  </si>
  <si>
    <t>Fort Morgan High School</t>
  </si>
  <si>
    <t>Daniel</t>
  </si>
  <si>
    <t>Kim</t>
  </si>
  <si>
    <t>Matthew</t>
  </si>
  <si>
    <t>Las Animas High School</t>
  </si>
  <si>
    <t>Merino High School</t>
  </si>
  <si>
    <t>Gustavo</t>
  </si>
  <si>
    <t>Olguin</t>
  </si>
  <si>
    <t>Jungwon</t>
  </si>
  <si>
    <t>Kang</t>
  </si>
  <si>
    <t>Poudre High School</t>
  </si>
  <si>
    <t>Yuqi</t>
  </si>
  <si>
    <t>Bian</t>
  </si>
  <si>
    <t>Salida High School</t>
  </si>
  <si>
    <t>Micah</t>
  </si>
  <si>
    <t>Soroco High School</t>
  </si>
  <si>
    <t>Business Communication</t>
  </si>
  <si>
    <t>Hadley</t>
  </si>
  <si>
    <t>Mills</t>
  </si>
  <si>
    <t>Emma</t>
  </si>
  <si>
    <t>Auerbach-Brode</t>
  </si>
  <si>
    <t>Drohan</t>
  </si>
  <si>
    <t>Burlington High School</t>
  </si>
  <si>
    <t>Kristen</t>
  </si>
  <si>
    <t>Jackson</t>
  </si>
  <si>
    <t>Andrew</t>
  </si>
  <si>
    <t>Legacy High School</t>
  </si>
  <si>
    <t>Bailey</t>
  </si>
  <si>
    <t>Starritt</t>
  </si>
  <si>
    <t>Vallejo</t>
  </si>
  <si>
    <t>Roosevelt High School</t>
  </si>
  <si>
    <t>Marika</t>
  </si>
  <si>
    <t>Basagoitia</t>
  </si>
  <si>
    <t>Hannah</t>
  </si>
  <si>
    <t>Baker</t>
  </si>
  <si>
    <t>Schroeder</t>
  </si>
  <si>
    <t>Sterling High School</t>
  </si>
  <si>
    <t>Torrie</t>
  </si>
  <si>
    <t>Thompson</t>
  </si>
  <si>
    <t>Haneen</t>
  </si>
  <si>
    <t>Ibrahim</t>
  </si>
  <si>
    <t>Weldon Valley High School</t>
  </si>
  <si>
    <t>Business Ethics</t>
  </si>
  <si>
    <t>Whitney, Skye / Whitney, Tabor</t>
  </si>
  <si>
    <t>Battle Mountain High School</t>
  </si>
  <si>
    <t>Carson, Mimi / Daly, Anna / Kissinger, Nancy</t>
  </si>
  <si>
    <t>Contreras, Joel / Pierce, Derrick / Yahn, Austin</t>
  </si>
  <si>
    <t>Denver East High School</t>
  </si>
  <si>
    <t>Sun, Zachary / Lee, Jane</t>
  </si>
  <si>
    <t>King, Jaxon / Vandenbark, Alex</t>
  </si>
  <si>
    <t>Burand, Calisse / Castelli, Margaret</t>
  </si>
  <si>
    <t>Flores, Maria / Irwin, Heaven / Miller, Sierra</t>
  </si>
  <si>
    <t>Rangeview High School</t>
  </si>
  <si>
    <t>Rocky Mountain High School</t>
  </si>
  <si>
    <t>Martinez, Bryce / Miner, Kenon</t>
  </si>
  <si>
    <t>Johnson, Sami / Lowder, Kaitlin / Van Treese, Kelci</t>
  </si>
  <si>
    <t>Zimmerman, Natalie / Lang, Emma / Ricketson, Kayla</t>
  </si>
  <si>
    <t>Business Financial Plan</t>
  </si>
  <si>
    <t>Christie, Amity / Marienthal, Ali</t>
  </si>
  <si>
    <t>Mangipudi, Apoorva / Sperry, Jaylene / Winocur, Jenna</t>
  </si>
  <si>
    <t>Anderson, Kaitlyn / Schaefer, Ryan</t>
  </si>
  <si>
    <t>Cox, Sam / Roesch, Dillon / Steerman, James</t>
  </si>
  <si>
    <t>McClave High School</t>
  </si>
  <si>
    <t>Gruszczynski, Austin / Williams, Allison</t>
  </si>
  <si>
    <t>Mountain Vista High School</t>
  </si>
  <si>
    <t>Barnett, Sofia / Johnson, Savannah</t>
  </si>
  <si>
    <t>Baeza, Jerica / Scott, Corynn</t>
  </si>
  <si>
    <t>Mix, Michael</t>
  </si>
  <si>
    <t>Ssessanga, Julia</t>
  </si>
  <si>
    <t>Carlstedt, Hannah / Miller, Nakani / Pyle, Katelyn</t>
  </si>
  <si>
    <t>Aberbrook, Andrew</t>
  </si>
  <si>
    <t>Thunder Ridge High School</t>
  </si>
  <si>
    <t>Business Law</t>
  </si>
  <si>
    <t>Parker</t>
  </si>
  <si>
    <t>Yu</t>
  </si>
  <si>
    <t>Wang</t>
  </si>
  <si>
    <t>Aditya</t>
  </si>
  <si>
    <t>Sinha</t>
  </si>
  <si>
    <t>Kailey</t>
  </si>
  <si>
    <t>Nelson</t>
  </si>
  <si>
    <t>Joe</t>
  </si>
  <si>
    <t>Conway</t>
  </si>
  <si>
    <t>Graydon</t>
  </si>
  <si>
    <t>Brewer</t>
  </si>
  <si>
    <t>James</t>
  </si>
  <si>
    <t>Donahue</t>
  </si>
  <si>
    <t>Wunsch</t>
  </si>
  <si>
    <t>Rex</t>
  </si>
  <si>
    <t>Boge</t>
  </si>
  <si>
    <t>Jacob</t>
  </si>
  <si>
    <t>Ward</t>
  </si>
  <si>
    <t>Hoehne High School</t>
  </si>
  <si>
    <t>Karlzen</t>
  </si>
  <si>
    <t>Pagosa Springs High School</t>
  </si>
  <si>
    <t>Prairie High School</t>
  </si>
  <si>
    <t>Shelby</t>
  </si>
  <si>
    <t>Angela (Zhong)</t>
  </si>
  <si>
    <t>Wu</t>
  </si>
  <si>
    <t>Erik</t>
  </si>
  <si>
    <t>Gonzales</t>
  </si>
  <si>
    <t>Sierra Grande School</t>
  </si>
  <si>
    <t>Steamboat Springs High School</t>
  </si>
  <si>
    <t>Business Math</t>
  </si>
  <si>
    <t>Gretchen</t>
  </si>
  <si>
    <t>Conley</t>
  </si>
  <si>
    <t>William</t>
  </si>
  <si>
    <t>Dellavalle</t>
  </si>
  <si>
    <t>Cameron</t>
  </si>
  <si>
    <t>Sirisha</t>
  </si>
  <si>
    <t>Gudaval</t>
  </si>
  <si>
    <t>Nichiolas</t>
  </si>
  <si>
    <t>Lin</t>
  </si>
  <si>
    <t>Svenneby</t>
  </si>
  <si>
    <t>Isaac</t>
  </si>
  <si>
    <t>Wolverton</t>
  </si>
  <si>
    <t>Jennifer</t>
  </si>
  <si>
    <t>Vonfeldt</t>
  </si>
  <si>
    <t>Olson</t>
  </si>
  <si>
    <t>Ian</t>
  </si>
  <si>
    <t>Kern</t>
  </si>
  <si>
    <t>Laura</t>
  </si>
  <si>
    <t>Business Plan</t>
  </si>
  <si>
    <t>Hammond, Amber / Talbert, Sam / Zabinski, Bo</t>
  </si>
  <si>
    <t>Brush High School</t>
  </si>
  <si>
    <t>Huynh, Brianna / Marquez, Keenan</t>
  </si>
  <si>
    <t>Denver South High School</t>
  </si>
  <si>
    <t>Dorfman, Alex / Cousin, Taylor</t>
  </si>
  <si>
    <t>Fetzer, Logan</t>
  </si>
  <si>
    <t>Andersen, Taylor / Kipp, Sabra / Lundgren, Courtney</t>
  </si>
  <si>
    <t>Overland High School</t>
  </si>
  <si>
    <t>Chamorro, Andrea</t>
  </si>
  <si>
    <t>Palisade High School</t>
  </si>
  <si>
    <t>Stone, Abagale</t>
  </si>
  <si>
    <t>Anderson, Hayley / McNerney, Alana / Wineland, Olivia</t>
  </si>
  <si>
    <t>Mayfield, Kori / Proctor, Carrie</t>
  </si>
  <si>
    <t>Davis, McKinzie / Fritzler, Kirstyn</t>
  </si>
  <si>
    <t>Business Presentation</t>
  </si>
  <si>
    <t>Bournia, Emily / McCabe, Sheila</t>
  </si>
  <si>
    <t>Abai, Aaron / Abai, Eyob</t>
  </si>
  <si>
    <t>Chatfield Senior High School</t>
  </si>
  <si>
    <t>Evans, Alice / Snaider, Maria</t>
  </si>
  <si>
    <t>Bui, Melissa / Malani, Nidhi / Merzbach, Lisa</t>
  </si>
  <si>
    <t>Enkuselasse, Feven / Gashaw, Selamawit / Yohannes, Salem</t>
  </si>
  <si>
    <t>Lopez, Paola / Ponce De Leon Ortiz, Gisel</t>
  </si>
  <si>
    <t>Pickens Technical---High School</t>
  </si>
  <si>
    <t>Pueblo East High School</t>
  </si>
  <si>
    <t>Kollikara, Neha / Varkhedi, Rhea</t>
  </si>
  <si>
    <t>Green, Ray / Segura, Alex</t>
  </si>
  <si>
    <t>Hill, Hazel / Jones, Cassidy</t>
  </si>
  <si>
    <t>Harless, Kylee</t>
  </si>
  <si>
    <t>Bartolo, Samantha / Stephenson, Hayley / Traver, Bethann</t>
  </si>
  <si>
    <t>Business Procedures</t>
  </si>
  <si>
    <t>John</t>
  </si>
  <si>
    <t>Owsley</t>
  </si>
  <si>
    <t>Foster</t>
  </si>
  <si>
    <t>Lawless</t>
  </si>
  <si>
    <t>Gillian</t>
  </si>
  <si>
    <t>Breur</t>
  </si>
  <si>
    <t>Jordan</t>
  </si>
  <si>
    <t>O'Rear</t>
  </si>
  <si>
    <t>Brigitte</t>
  </si>
  <si>
    <t>Nguyen</t>
  </si>
  <si>
    <t>Marquez</t>
  </si>
  <si>
    <t>Dax</t>
  </si>
  <si>
    <t>Malone</t>
  </si>
  <si>
    <t>Mary</t>
  </si>
  <si>
    <t>Hood</t>
  </si>
  <si>
    <t>Kellen</t>
  </si>
  <si>
    <t>Garrity</t>
  </si>
  <si>
    <t>Clauson</t>
  </si>
  <si>
    <t>Justin</t>
  </si>
  <si>
    <t>Conagher</t>
  </si>
  <si>
    <t>Jones</t>
  </si>
  <si>
    <t>Woodlin School</t>
  </si>
  <si>
    <t>Client Service</t>
  </si>
  <si>
    <t>Nicole</t>
  </si>
  <si>
    <t>Hicks</t>
  </si>
  <si>
    <t>Blake</t>
  </si>
  <si>
    <t>Ramsey</t>
  </si>
  <si>
    <t>Cheraw High School</t>
  </si>
  <si>
    <t>Laury</t>
  </si>
  <si>
    <t>Glover</t>
  </si>
  <si>
    <t>Monee</t>
  </si>
  <si>
    <t>Crosswhite</t>
  </si>
  <si>
    <t>Littleton High School</t>
  </si>
  <si>
    <t>Anderson</t>
  </si>
  <si>
    <t>Sarah</t>
  </si>
  <si>
    <t>Danylchuk</t>
  </si>
  <si>
    <t>Carisa</t>
  </si>
  <si>
    <t>Medina</t>
  </si>
  <si>
    <t>Dawn</t>
  </si>
  <si>
    <t>Stephens</t>
  </si>
  <si>
    <t>Rangely High School</t>
  </si>
  <si>
    <t>Solomon</t>
  </si>
  <si>
    <t>Bear</t>
  </si>
  <si>
    <t>Sangre De Cristo High School</t>
  </si>
  <si>
    <t>Riley</t>
  </si>
  <si>
    <t>Ryan</t>
  </si>
  <si>
    <t>Lococo</t>
  </si>
  <si>
    <t>Community Service Project</t>
  </si>
  <si>
    <t>Brent, Emilie / Couch, Austin / Shook, Jillian</t>
  </si>
  <si>
    <t>Duffy, Bronwyn / Duffy, Chloe / Lutz, Hannah</t>
  </si>
  <si>
    <t>Del Norte High School</t>
  </si>
  <si>
    <t>Fort Collins High School</t>
  </si>
  <si>
    <t>Durbin, Jayden / Hadeen, Megann / Wilkening, Nicole</t>
  </si>
  <si>
    <t>Hi-Plains High School</t>
  </si>
  <si>
    <t>Anchondo, Evette / Guzman, Adrian / Rodriguez-Novoa, Jesus</t>
  </si>
  <si>
    <t>Garnas, Ruthie / Olson, Marin</t>
  </si>
  <si>
    <t>Julesburg High School</t>
  </si>
  <si>
    <t>Gallegos, Jack / Nelson, Justin / Seitz, Jacob</t>
  </si>
  <si>
    <t>Mead High School</t>
  </si>
  <si>
    <t>Krull, Jaime / McHugh, Isabella / McQuade, Porter</t>
  </si>
  <si>
    <t>Monte Vista High School</t>
  </si>
  <si>
    <t>Anderson, Raven / Carwin, Bree-Ann / Guthrie, Brittany</t>
  </si>
  <si>
    <t>Pritchett High School</t>
  </si>
  <si>
    <t>Garner, Ragan / Snyder, Dominic</t>
  </si>
  <si>
    <t>Strasburg High School</t>
  </si>
  <si>
    <t>Alcorn, Paulyna / Conrad, Sophia / Wright, Promise</t>
  </si>
  <si>
    <t>Rachel</t>
  </si>
  <si>
    <t>Austin</t>
  </si>
  <si>
    <t>Chavez</t>
  </si>
  <si>
    <t>Drew</t>
  </si>
  <si>
    <t>Sean</t>
  </si>
  <si>
    <t>Bennett High School</t>
  </si>
  <si>
    <t>Centauri High School</t>
  </si>
  <si>
    <t>Kyle</t>
  </si>
  <si>
    <t>Chandler</t>
  </si>
  <si>
    <t>Caroline</t>
  </si>
  <si>
    <t>Morgan</t>
  </si>
  <si>
    <t>Computer Game &amp; Simulation Programming</t>
  </si>
  <si>
    <t>Herbic, Nicholas</t>
  </si>
  <si>
    <t>Ortiz, Nathan / Rivas, Evan</t>
  </si>
  <si>
    <t>Byers High School</t>
  </si>
  <si>
    <t>McGinnity, Eileen / Meyer, Robert / Sutherland, Melody</t>
  </si>
  <si>
    <t>George Washington High School</t>
  </si>
  <si>
    <t>High Tech Early College</t>
  </si>
  <si>
    <t>Burton, Jerod / Bustillos-Perez, Joshua / Quach, Javis</t>
  </si>
  <si>
    <t>Simpson, Christina / Simpson, Lane</t>
  </si>
  <si>
    <t>Armstrong, Alastair / Hudson, Hunter / Penrod, Gaige</t>
  </si>
  <si>
    <t>Lewis Palmer High School</t>
  </si>
  <si>
    <t>Carmin, Kordell / Guzman, Kc</t>
  </si>
  <si>
    <t>Ponderosa High School</t>
  </si>
  <si>
    <t>Jordan, Wyatt</t>
  </si>
  <si>
    <t>Worm, Falkyn</t>
  </si>
  <si>
    <t>Haas, Logan</t>
  </si>
  <si>
    <t>Computer Problem Solving</t>
  </si>
  <si>
    <t>Flores</t>
  </si>
  <si>
    <t>Damberger</t>
  </si>
  <si>
    <t>Lopitz</t>
  </si>
  <si>
    <t>Tristan</t>
  </si>
  <si>
    <t>Poulsen</t>
  </si>
  <si>
    <t>Devdan</t>
  </si>
  <si>
    <t>Godany</t>
  </si>
  <si>
    <t>Cooper</t>
  </si>
  <si>
    <t>Conner</t>
  </si>
  <si>
    <t>Liam</t>
  </si>
  <si>
    <t>Koch</t>
  </si>
  <si>
    <t>Aj</t>
  </si>
  <si>
    <t>Brandt</t>
  </si>
  <si>
    <t>Tommy</t>
  </si>
  <si>
    <t>Kopala</t>
  </si>
  <si>
    <t>Spencer</t>
  </si>
  <si>
    <t>Pine Creek High School</t>
  </si>
  <si>
    <t>Shiplett</t>
  </si>
  <si>
    <t>Rhoades</t>
  </si>
  <si>
    <t>Nicholas</t>
  </si>
  <si>
    <t>Cyber Security</t>
  </si>
  <si>
    <t>Katnik</t>
  </si>
  <si>
    <t>Central High School</t>
  </si>
  <si>
    <t>Willson</t>
  </si>
  <si>
    <t>Robillard</t>
  </si>
  <si>
    <t>Falcon High School</t>
  </si>
  <si>
    <t>Lathrop</t>
  </si>
  <si>
    <t>Kramarz</t>
  </si>
  <si>
    <t>Edwin</t>
  </si>
  <si>
    <t>Chiang</t>
  </si>
  <si>
    <t>Shreya</t>
  </si>
  <si>
    <t>Nallapati</t>
  </si>
  <si>
    <t>Rohan</t>
  </si>
  <si>
    <t>Balan</t>
  </si>
  <si>
    <t>Wesley</t>
  </si>
  <si>
    <t>Seger</t>
  </si>
  <si>
    <t>Rivera</t>
  </si>
  <si>
    <t>Milan</t>
  </si>
  <si>
    <t>Patel</t>
  </si>
  <si>
    <t>Valley High School</t>
  </si>
  <si>
    <t>Chelsea</t>
  </si>
  <si>
    <t>Desktop Application Programming</t>
  </si>
  <si>
    <t>McCarthy, Madison</t>
  </si>
  <si>
    <t>Johnson, Jacob</t>
  </si>
  <si>
    <t>Vandersmith, Ryan</t>
  </si>
  <si>
    <t>Desktop Publishing</t>
  </si>
  <si>
    <t>Nevarez, Lizeth / Poliakon, Andrea</t>
  </si>
  <si>
    <t>Sorensen, Sydney / Zink, Kayla</t>
  </si>
  <si>
    <t>Johnson, Shayln / Vigil, Brandi</t>
  </si>
  <si>
    <t>Doherty, Jerome / Willson, Trevor</t>
  </si>
  <si>
    <t>Hoffman, Heather</t>
  </si>
  <si>
    <t>Harlowe, Anabel / Lucero, Jaden</t>
  </si>
  <si>
    <t>Anaya, Isaac / Bentancourth, Alexa</t>
  </si>
  <si>
    <t>Peerman, Nicolette / Soto, Maira</t>
  </si>
  <si>
    <t>Northridge High School</t>
  </si>
  <si>
    <t>Mayne, Alexis</t>
  </si>
  <si>
    <t>Maldonado, Celeste / Williamson, Maddison</t>
  </si>
  <si>
    <t>Digital Design &amp; Promotion</t>
  </si>
  <si>
    <t>Holland, MacKenzie / Malom, Amber</t>
  </si>
  <si>
    <t>Garza, Kayley / McConnell, Krista / Sielaff, Michaela</t>
  </si>
  <si>
    <t>Chavkin, Noah / Epstein, Micah</t>
  </si>
  <si>
    <t>Fryrear, Madison / Jones, Zandra / Resendiz, Isabel</t>
  </si>
  <si>
    <t>Hurt, Wyatt</t>
  </si>
  <si>
    <t>Gerk, Megan / Schaefer, Allison</t>
  </si>
  <si>
    <t>Escalante-Ibarra, Anallely / Escalante-Ibarra, Carmen / Quach, Alex</t>
  </si>
  <si>
    <t>Contreras, Elissa / Gomez, Daniel / Gonzalez, Isael</t>
  </si>
  <si>
    <t>Barber, McKenna / Hafley, Randy Jo / Lauer, Payton</t>
  </si>
  <si>
    <t>Crowther, Marli / Rogers, Breanna</t>
  </si>
  <si>
    <t>Digital Video Production</t>
  </si>
  <si>
    <t>Giarracco, Alexander / Greenhalgh, Eliot / McNutt, Brody</t>
  </si>
  <si>
    <t>Dixon, Dylan / Jensen, Rustin</t>
  </si>
  <si>
    <t>Vogel, Eleanor / Vogel, Madisen</t>
  </si>
  <si>
    <t>Bivins, Bryce / Chapdelaine, Lance</t>
  </si>
  <si>
    <t>Sanson, Elisabeth / Sanson, Samantha</t>
  </si>
  <si>
    <t>Cammer, Zach / Harsch, Tyler</t>
  </si>
  <si>
    <t>Mountain Range High School</t>
  </si>
  <si>
    <t>Calerich, Morgan / Lynch, Devon</t>
  </si>
  <si>
    <t>Lewis, Brooke / Malloy, Ashley</t>
  </si>
  <si>
    <t>Clear, Baily / Clear, Christian</t>
  </si>
  <si>
    <t>Utagikar, Rojan</t>
  </si>
  <si>
    <t>E-Business</t>
  </si>
  <si>
    <t>Snyder, Eric</t>
  </si>
  <si>
    <t>Campbell, Victoria / Kane, Elizabeth</t>
  </si>
  <si>
    <t>Boerner, Zane / Keisel, Allison / Keisel, Timmi</t>
  </si>
  <si>
    <t>Johnson, Destri / McFadden, Briauna</t>
  </si>
  <si>
    <t>Arellano-Votaw, Julia / Howden, Jordan</t>
  </si>
  <si>
    <t>Buller, Zack</t>
  </si>
  <si>
    <t>Rondinelli, Sam</t>
  </si>
  <si>
    <t>Ouray High School</t>
  </si>
  <si>
    <t>Brockway, Claire / Florek, Bailey / Gao, Eric</t>
  </si>
  <si>
    <t>Clayton, Sydney / Hansen, Heidi</t>
  </si>
  <si>
    <t>Depriest, Wylan / Faucette, Derick / Jackson, Ryan</t>
  </si>
  <si>
    <t>Economics</t>
  </si>
  <si>
    <t>Henry</t>
  </si>
  <si>
    <t>Liz</t>
  </si>
  <si>
    <t>Miller</t>
  </si>
  <si>
    <t>Naathan</t>
  </si>
  <si>
    <t>Mohan</t>
  </si>
  <si>
    <t>Mostafa</t>
  </si>
  <si>
    <t>Abdel-Hafiz</t>
  </si>
  <si>
    <t>Winter</t>
  </si>
  <si>
    <t>Liberty High School</t>
  </si>
  <si>
    <t>Miyake</t>
  </si>
  <si>
    <t>Calder</t>
  </si>
  <si>
    <t>Rodriquez</t>
  </si>
  <si>
    <t>Vickers</t>
  </si>
  <si>
    <t>Paul</t>
  </si>
  <si>
    <t>Bryson</t>
  </si>
  <si>
    <t>Gilchrist</t>
  </si>
  <si>
    <t>Brittany</t>
  </si>
  <si>
    <t>Electronic Career Portfolio</t>
  </si>
  <si>
    <t>Wylie</t>
  </si>
  <si>
    <t>Wyatt</t>
  </si>
  <si>
    <t>Shannon</t>
  </si>
  <si>
    <t>Akin</t>
  </si>
  <si>
    <t>Eaglecrest High School</t>
  </si>
  <si>
    <t>Kayla</t>
  </si>
  <si>
    <t>Steffens</t>
  </si>
  <si>
    <t>Fetzer</t>
  </si>
  <si>
    <t>Naya</t>
  </si>
  <si>
    <t>Bere</t>
  </si>
  <si>
    <t>Amanda</t>
  </si>
  <si>
    <t>Kinterknecht</t>
  </si>
  <si>
    <t>Ashley</t>
  </si>
  <si>
    <t>Mayer</t>
  </si>
  <si>
    <t>Kirsten</t>
  </si>
  <si>
    <t>Faucette</t>
  </si>
  <si>
    <t>Madi</t>
  </si>
  <si>
    <t>Gerk</t>
  </si>
  <si>
    <t>Emerging Business Issues</t>
  </si>
  <si>
    <t>Thomas, Brian / Wharry, Elizabeth</t>
  </si>
  <si>
    <t>Keeler, Katelynn / Yergert, Ashley</t>
  </si>
  <si>
    <t>Kim School District RE-88</t>
  </si>
  <si>
    <t>Senthilvel, Vamsi / Wang, Kenny</t>
  </si>
  <si>
    <t>Jacobs, Schuyler / Mera Evans, Tyco</t>
  </si>
  <si>
    <t>Leonard, Collin / Oza, Setu</t>
  </si>
  <si>
    <t>Arroyo, Micaela / Wilson, McKenzie / Long, Thomas</t>
  </si>
  <si>
    <t>Caldon, Miles / Peterson, Clayton</t>
  </si>
  <si>
    <t>Davis, Karlee / Dillenburg, Jenna</t>
  </si>
  <si>
    <t>Martin, Mitch / Nichols, Lindsey / Wallace, Johnny</t>
  </si>
  <si>
    <t>Krantz, Brett / Rodenbaugh, Blake / Shermock, Joseph</t>
  </si>
  <si>
    <t>Entrepreneurship</t>
  </si>
  <si>
    <t>Lopez, Alex / Novotny, Emily</t>
  </si>
  <si>
    <t>Hornung, Savannah / Lohmann, Gwen</t>
  </si>
  <si>
    <t>Fleischer, Ryan / L 'esperance, Scott</t>
  </si>
  <si>
    <t>Grippo, Ryan / Beerman, Ginger</t>
  </si>
  <si>
    <t>Brekel, Josh / Gibbs, Ashton / Stahley, Joey</t>
  </si>
  <si>
    <t>Yu, Alex / Bostak, Max</t>
  </si>
  <si>
    <t>Wagner, Elizabeth / Bouzarelos, George / Solok  1970140, Mikhail</t>
  </si>
  <si>
    <t>Jolly, David / Van Bueren, Daniel</t>
  </si>
  <si>
    <t>Engstrom, Jackson / Martin, Angel / Rowan, Keegan</t>
  </si>
  <si>
    <t>Maaliki, Hana / Maaliki, Sarah / Saffold, Jessica</t>
  </si>
  <si>
    <t>Smoky Hill High School</t>
  </si>
  <si>
    <t>FBLA Principles &amp; Procedures</t>
  </si>
  <si>
    <t>Matzko</t>
  </si>
  <si>
    <t>Pope</t>
  </si>
  <si>
    <t>Saydie</t>
  </si>
  <si>
    <t>Brown</t>
  </si>
  <si>
    <t>Sofia</t>
  </si>
  <si>
    <t>Montoya</t>
  </si>
  <si>
    <t>Veliz</t>
  </si>
  <si>
    <t>Lira</t>
  </si>
  <si>
    <t>Makenzie</t>
  </si>
  <si>
    <t>Webber</t>
  </si>
  <si>
    <t>Christian</t>
  </si>
  <si>
    <t>Liley</t>
  </si>
  <si>
    <t>Allison</t>
  </si>
  <si>
    <t>Harrison</t>
  </si>
  <si>
    <t>Sonjia</t>
  </si>
  <si>
    <t>Cook</t>
  </si>
  <si>
    <t>Future Business Leader</t>
  </si>
  <si>
    <t>Ly</t>
  </si>
  <si>
    <t>Schenk</t>
  </si>
  <si>
    <t>Tristen</t>
  </si>
  <si>
    <t>Gray</t>
  </si>
  <si>
    <t>Ariel</t>
  </si>
  <si>
    <t>Doub</t>
  </si>
  <si>
    <t>Achaya</t>
  </si>
  <si>
    <t>Gondy</t>
  </si>
  <si>
    <t>Abdulsalami</t>
  </si>
  <si>
    <t>Ebrahim</t>
  </si>
  <si>
    <t>Rebekah</t>
  </si>
  <si>
    <t>Amaro</t>
  </si>
  <si>
    <t>Gore</t>
  </si>
  <si>
    <t>Jacqueline</t>
  </si>
  <si>
    <t>Garcia</t>
  </si>
  <si>
    <t>Victoria</t>
  </si>
  <si>
    <t>Zehnder</t>
  </si>
  <si>
    <t>Gianna</t>
  </si>
  <si>
    <t>Roxana</t>
  </si>
  <si>
    <t>Hu</t>
  </si>
  <si>
    <t>Global Business</t>
  </si>
  <si>
    <t>Cuevas, Emily / Sanchez-Medina, Jessica</t>
  </si>
  <si>
    <t>Cofield, Sam / Poulter, Nate / Schaefer, Henry</t>
  </si>
  <si>
    <t>Rosenthal, Jack / Wells, Jonathan</t>
  </si>
  <si>
    <t>Ahrens, Topher / Tan, Patrick / Youngman, Chase</t>
  </si>
  <si>
    <t>Healy, Lauren / Yurgov, Vasko</t>
  </si>
  <si>
    <t>Ezeonu, Christian / Hohnstein, Bethany</t>
  </si>
  <si>
    <t>Ferry, Jack / Leblanc, Andrew</t>
  </si>
  <si>
    <t>Bridges, Nick / Flood, Sean / Licht, Scott</t>
  </si>
  <si>
    <t>Palmer Ridge High School</t>
  </si>
  <si>
    <t>Milligan, Quinn / Seidl, Kris</t>
  </si>
  <si>
    <t>Lua, Serena / Zhang, Phil</t>
  </si>
  <si>
    <t>Health Care Administration</t>
  </si>
  <si>
    <t>Gabriella</t>
  </si>
  <si>
    <t>Noreen</t>
  </si>
  <si>
    <t>Anne</t>
  </si>
  <si>
    <t>Isaacs</t>
  </si>
  <si>
    <t>Ellie</t>
  </si>
  <si>
    <t>Miranda</t>
  </si>
  <si>
    <t>Prickett</t>
  </si>
  <si>
    <t>Elliot</t>
  </si>
  <si>
    <t>Wisdom</t>
  </si>
  <si>
    <t>Alexis</t>
  </si>
  <si>
    <t>Elena</t>
  </si>
  <si>
    <t>Cislo</t>
  </si>
  <si>
    <t>Kopsa</t>
  </si>
  <si>
    <t>Moffat County High School</t>
  </si>
  <si>
    <t>Tiffany</t>
  </si>
  <si>
    <t>Robins</t>
  </si>
  <si>
    <t>Warren</t>
  </si>
  <si>
    <t>Help Desk</t>
  </si>
  <si>
    <t>Brenda</t>
  </si>
  <si>
    <t>Chairez</t>
  </si>
  <si>
    <t>Cavanaugh</t>
  </si>
  <si>
    <t>O'Leary</t>
  </si>
  <si>
    <t>Jesseri</t>
  </si>
  <si>
    <t>Jensen</t>
  </si>
  <si>
    <t>Cheyenne</t>
  </si>
  <si>
    <t>Bresley</t>
  </si>
  <si>
    <t>Corey</t>
  </si>
  <si>
    <t>Schellenger</t>
  </si>
  <si>
    <t>Kaleb</t>
  </si>
  <si>
    <t>Noah</t>
  </si>
  <si>
    <t>Gambee</t>
  </si>
  <si>
    <t>Jordin</t>
  </si>
  <si>
    <t>Nail</t>
  </si>
  <si>
    <t>Gayathri</t>
  </si>
  <si>
    <t>Gude</t>
  </si>
  <si>
    <t>Hospitality Management</t>
  </si>
  <si>
    <t>Gorovoy, Andrew / Hua, Mark / Olson, Isabel</t>
  </si>
  <si>
    <t>Adams, Alex / Daniels, Brandt</t>
  </si>
  <si>
    <t>Halee, Ben / Tapia, Joy / Chua, Katie</t>
  </si>
  <si>
    <t>Vu, Lillian / Tse, William / Woronoff, Jonathan</t>
  </si>
  <si>
    <t>Swanson, Jillian / Thomson, Elyse</t>
  </si>
  <si>
    <t>Bohan, Lauren / Olson, Francesca</t>
  </si>
  <si>
    <t>Duven, Maddie / Tran, David</t>
  </si>
  <si>
    <t>Breur, Gillian / Olson, Carlisle</t>
  </si>
  <si>
    <t>Russ, Abigail / Waggener, Melissa</t>
  </si>
  <si>
    <t>Smith, Cooper / Piscoya, Shane</t>
  </si>
  <si>
    <t>Gallegos, Jodyanna / Kersey, Tobias / Krueger, Kylie</t>
  </si>
  <si>
    <t>Impromptu Speaking</t>
  </si>
  <si>
    <t>Jefferson</t>
  </si>
  <si>
    <t>Seeman</t>
  </si>
  <si>
    <t>Evie</t>
  </si>
  <si>
    <t>Mathis</t>
  </si>
  <si>
    <t>Cidney</t>
  </si>
  <si>
    <t>Fisk</t>
  </si>
  <si>
    <t>Adele</t>
  </si>
  <si>
    <t>Vaughan</t>
  </si>
  <si>
    <t>Pranav</t>
  </si>
  <si>
    <t>Shashidhar</t>
  </si>
  <si>
    <t>Huffman</t>
  </si>
  <si>
    <t>Ayrianna</t>
  </si>
  <si>
    <t>Rackham</t>
  </si>
  <si>
    <t>Bell</t>
  </si>
  <si>
    <t>Thompson Valley High School</t>
  </si>
  <si>
    <t>Shock</t>
  </si>
  <si>
    <t>Insurance &amp; Risk Management</t>
  </si>
  <si>
    <t>Vanessa</t>
  </si>
  <si>
    <t>Thong</t>
  </si>
  <si>
    <t>Junhyung</t>
  </si>
  <si>
    <t>Shim</t>
  </si>
  <si>
    <t>Alexia</t>
  </si>
  <si>
    <t>Hodgsen</t>
  </si>
  <si>
    <t>Schicke</t>
  </si>
  <si>
    <t>Salazar</t>
  </si>
  <si>
    <t>Raya</t>
  </si>
  <si>
    <t>Martin</t>
  </si>
  <si>
    <t>Theresa</t>
  </si>
  <si>
    <t>Tafoya</t>
  </si>
  <si>
    <t>Leo</t>
  </si>
  <si>
    <t>Caleb</t>
  </si>
  <si>
    <t>Kendra</t>
  </si>
  <si>
    <t>Holtcamp</t>
  </si>
  <si>
    <t>Introduction to Business</t>
  </si>
  <si>
    <t>Regina</t>
  </si>
  <si>
    <t>Amy</t>
  </si>
  <si>
    <t>Martins</t>
  </si>
  <si>
    <t>Anthony</t>
  </si>
  <si>
    <t>Doan</t>
  </si>
  <si>
    <t>Frankie</t>
  </si>
  <si>
    <t>Henderson</t>
  </si>
  <si>
    <t>Zoe</t>
  </si>
  <si>
    <t>Vavrina</t>
  </si>
  <si>
    <t>Loveland High School</t>
  </si>
  <si>
    <t>Pring</t>
  </si>
  <si>
    <t>Roland</t>
  </si>
  <si>
    <t>Compo</t>
  </si>
  <si>
    <t>Julianna</t>
  </si>
  <si>
    <t>Frantz</t>
  </si>
  <si>
    <t>Barnes</t>
  </si>
  <si>
    <t>Prelle</t>
  </si>
  <si>
    <t>Dylan</t>
  </si>
  <si>
    <t>Introduction to Business Communication</t>
  </si>
  <si>
    <t>Leah</t>
  </si>
  <si>
    <t>Fattor</t>
  </si>
  <si>
    <t>Greta</t>
  </si>
  <si>
    <t>Cain</t>
  </si>
  <si>
    <t>Anaelena</t>
  </si>
  <si>
    <t>Rodriguez</t>
  </si>
  <si>
    <t>Anemarie</t>
  </si>
  <si>
    <t>Thacker</t>
  </si>
  <si>
    <t>Faith</t>
  </si>
  <si>
    <t>Carpenter</t>
  </si>
  <si>
    <t>Katie</t>
  </si>
  <si>
    <t>MacDonald</t>
  </si>
  <si>
    <t>Abigail</t>
  </si>
  <si>
    <t>Neely</t>
  </si>
  <si>
    <t>Neha</t>
  </si>
  <si>
    <t>Chauhan</t>
  </si>
  <si>
    <t>Cole</t>
  </si>
  <si>
    <t>Walls</t>
  </si>
  <si>
    <t>Rachael</t>
  </si>
  <si>
    <t>Northup</t>
  </si>
  <si>
    <t>Introduction to Information Technology</t>
  </si>
  <si>
    <t>Tanner</t>
  </si>
  <si>
    <t>Mitchell</t>
  </si>
  <si>
    <t>Fosdick</t>
  </si>
  <si>
    <t>Raymond</t>
  </si>
  <si>
    <t>Valerie</t>
  </si>
  <si>
    <t>Warkins</t>
  </si>
  <si>
    <t>Samir</t>
  </si>
  <si>
    <t>Bathija</t>
  </si>
  <si>
    <t>Moises</t>
  </si>
  <si>
    <t>Estrada</t>
  </si>
  <si>
    <t>Meade</t>
  </si>
  <si>
    <t>Asthana</t>
  </si>
  <si>
    <t>Avnish</t>
  </si>
  <si>
    <t>Coit</t>
  </si>
  <si>
    <t>Hugo</t>
  </si>
  <si>
    <t>Falcao</t>
  </si>
  <si>
    <t>Introduction to Parliamentary Procedure</t>
  </si>
  <si>
    <t>Lenny</t>
  </si>
  <si>
    <t>Igberaese</t>
  </si>
  <si>
    <t>Gibson</t>
  </si>
  <si>
    <t>Atkins</t>
  </si>
  <si>
    <t>Syron</t>
  </si>
  <si>
    <t>Alexandria</t>
  </si>
  <si>
    <t>Brubacher</t>
  </si>
  <si>
    <t>Quintin</t>
  </si>
  <si>
    <t>Waring</t>
  </si>
  <si>
    <t>Andres</t>
  </si>
  <si>
    <t>Susan</t>
  </si>
  <si>
    <t>Wadsworth</t>
  </si>
  <si>
    <t>Timko</t>
  </si>
  <si>
    <t>Bryce</t>
  </si>
  <si>
    <t>Hopwood</t>
  </si>
  <si>
    <t>Job Interview</t>
  </si>
  <si>
    <t>Carson</t>
  </si>
  <si>
    <t>Pachner</t>
  </si>
  <si>
    <t>Isaiah</t>
  </si>
  <si>
    <t>Koolstra</t>
  </si>
  <si>
    <t>Das</t>
  </si>
  <si>
    <t>Clara</t>
  </si>
  <si>
    <t>Kern-Alley</t>
  </si>
  <si>
    <t>Adrian</t>
  </si>
  <si>
    <t>Caro</t>
  </si>
  <si>
    <t>Talamante</t>
  </si>
  <si>
    <t>Bayer</t>
  </si>
  <si>
    <t>Brodeen</t>
  </si>
  <si>
    <t>Fischer</t>
  </si>
  <si>
    <t>Local Chapter Annual Business Report</t>
  </si>
  <si>
    <t>Chapin, Cassie / Christensen, Lindsey / Guy, Kiara</t>
  </si>
  <si>
    <t>Harms, Paeton / Norris, Cody / Smith, Kaci</t>
  </si>
  <si>
    <t>Comstock, Kirsten / Etl, McCall</t>
  </si>
  <si>
    <t>Gerk, Megan / Schaefer, Allison / Shafer, Brenna</t>
  </si>
  <si>
    <t>Ham, Kaylee / Sumners, Ben</t>
  </si>
  <si>
    <t>Hotz, Dixie / White, Henry</t>
  </si>
  <si>
    <t>Brandt, Dylan / Fuchs, Mary / Lester, Quincy</t>
  </si>
  <si>
    <t>Chavez, Kylie / Cross, Abigail / Crouch, Meagan</t>
  </si>
  <si>
    <t>Martinez, Jared / Wetsch, Daniel / Will, Morgan</t>
  </si>
  <si>
    <t>Henson, Skylar / Robles, Jackie</t>
  </si>
  <si>
    <t>Management Decision Making</t>
  </si>
  <si>
    <t>Kaplan, Stella / Sandbach, Kim / Starensier, Zoe</t>
  </si>
  <si>
    <t>Ferguson, Harry / Fitzgerald, Ryan / Morris, Evan</t>
  </si>
  <si>
    <t>Eberhard, Dylan / Essek, Nicholas</t>
  </si>
  <si>
    <t>Clark, Alyssa / Holmes, Allison / Kaiser, Ezra</t>
  </si>
  <si>
    <t>Fox, Leah / Wimer, Cassie</t>
  </si>
  <si>
    <t>Yun, Chelsea / Hoong, Judy / Nguyen, Sarah</t>
  </si>
  <si>
    <t>Campbell, Aubrey / Peroulis, Katelyn</t>
  </si>
  <si>
    <t>Abeyta, Spencer / Houston, Sean / Kush, Michael</t>
  </si>
  <si>
    <t>Dollerschell, Haley / Ford, Hannah / Thompson, McKinley</t>
  </si>
  <si>
    <t>Bohm, Tanner / Lanckriet, Nolan / Oliver, Lester</t>
  </si>
  <si>
    <t>Management Information Systems</t>
  </si>
  <si>
    <t>Bates, Trevor / Zumar, Dylan</t>
  </si>
  <si>
    <t>Roth, Kenli / Smith, Katie / Ziegler, Malaki</t>
  </si>
  <si>
    <t>Arias, Cruz / Damazo, Jazmin</t>
  </si>
  <si>
    <t>Buckner, Alex / Winkler, Alexander</t>
  </si>
  <si>
    <t>Hamaker, Bailey / Pell, Mariah / Van Overbeke, Regan</t>
  </si>
  <si>
    <t>Parikh, Tej / Rousseau, Luc / Varkhedi, Rahul</t>
  </si>
  <si>
    <t>Dodd, Logan / Kapoor, Tanner</t>
  </si>
  <si>
    <t>Anderson, Kylan / Miller, Kyle</t>
  </si>
  <si>
    <t>Berlinger, Jessica / Stagner, Abbey</t>
  </si>
  <si>
    <t>Esch, Josh / Nieto, Sebastian / Wetsch, Daniel</t>
  </si>
  <si>
    <t>Marketing</t>
  </si>
  <si>
    <t>Ramos, Marco / Schneider, Allen</t>
  </si>
  <si>
    <t>Esparza, Jorge / Karbank, Nathaniel / Nickell, Thomas</t>
  </si>
  <si>
    <t>Chan, Edward / Palmer, Jonah</t>
  </si>
  <si>
    <t>Hiller, Kade / Steinman, Kyla</t>
  </si>
  <si>
    <t>Beckett, Hannah / Thompson, Makayla</t>
  </si>
  <si>
    <t>Ouellette, Scott / Rolenc, Seth</t>
  </si>
  <si>
    <t>Peyton High School</t>
  </si>
  <si>
    <t>Horendeck, Dakota / Menard, Nicole</t>
  </si>
  <si>
    <t>Pomona High School</t>
  </si>
  <si>
    <t>Ahn, Elvis / Negussie, Mikias / Simanjuntak, Raymond</t>
  </si>
  <si>
    <t>Criley, Kevin / Staab, Ryan</t>
  </si>
  <si>
    <t>Shields, Jacob / Cooley, Jacob / Hop, Andrew</t>
  </si>
  <si>
    <t>Mobile Application Development</t>
  </si>
  <si>
    <t>Graubard, Clay</t>
  </si>
  <si>
    <t>Gilbert, Griffin / Lin, Yunyu</t>
  </si>
  <si>
    <t>Bauer, Jacob</t>
  </si>
  <si>
    <t>Chase, Tatum / Cox, Kenny</t>
  </si>
  <si>
    <t>Kopala, David</t>
  </si>
  <si>
    <t>De La Pena, Michael / Stenman, Justin / Welch, Davey</t>
  </si>
  <si>
    <t>Cambell, Zachary / Bastian, Taylor</t>
  </si>
  <si>
    <t>Esparza, Viviana / Gould, Wyatt</t>
  </si>
  <si>
    <t>South Park Junior-Senior High School</t>
  </si>
  <si>
    <t>Hernandez, Vanessa / Rojas, Luis</t>
  </si>
  <si>
    <t>Network Design</t>
  </si>
  <si>
    <t>Doan, Tommyhil / Sung, Ricky</t>
  </si>
  <si>
    <t>Lousberg, Anthony / Lovell, Neil / Mann, Kobryn</t>
  </si>
  <si>
    <t>Paschke, Jack / Wimer, Kurt</t>
  </si>
  <si>
    <t>Churchwell, Zachary / Gertner, Thomas</t>
  </si>
  <si>
    <t>Mertens, Will / Roelle, Kade</t>
  </si>
  <si>
    <t>Discoe, Walker / Kniegge, Kyle</t>
  </si>
  <si>
    <t>Networking Concepts</t>
  </si>
  <si>
    <t>Etl</t>
  </si>
  <si>
    <t>Debus</t>
  </si>
  <si>
    <t>Elliott</t>
  </si>
  <si>
    <t>Amrie</t>
  </si>
  <si>
    <t>Marianne</t>
  </si>
  <si>
    <t>Hughes</t>
  </si>
  <si>
    <t>Javier</t>
  </si>
  <si>
    <t>Ramirez</t>
  </si>
  <si>
    <t>Carsen</t>
  </si>
  <si>
    <t>Porterfield</t>
  </si>
  <si>
    <t>Hunter</t>
  </si>
  <si>
    <t>Johnson</t>
  </si>
  <si>
    <t>Peters</t>
  </si>
  <si>
    <t>McHugh</t>
  </si>
  <si>
    <t>Parliamentary Procedure</t>
  </si>
  <si>
    <t>Brockelman, Julianna / Butts, James / Lindgren, Max / Lindgren, Morgan / MacDonald, Allison</t>
  </si>
  <si>
    <t>Chandler, Mytchel / Chavez, Sarah / Fotenos, Marcus / Gay, Tiffany / Jones, Moriah</t>
  </si>
  <si>
    <t>Brunette, Kylie / Cox, Elaine / Kothiyal, Pratyush / Salsbury, Colton</t>
  </si>
  <si>
    <t>MacHani, Sruja / Rowen, Neil / Thompson, Maya / Wright, Cooper</t>
  </si>
  <si>
    <t>Beard, Will / Beaty, Ashley / Potkanowicz, Joseph / Thompson, Richard</t>
  </si>
  <si>
    <t>Gallegos, Ernie / Nittler, Taylor / Shannon, Kolby / Yergert, Meghan</t>
  </si>
  <si>
    <t>Fiscus, Connor / Gill, Gus / Marble, Cameron / Tappy, Quinn / Vollmer, Nick</t>
  </si>
  <si>
    <t>Corral, Cynthia / Kochman, Cassie / Martin, Tzigane / Nguyen, Esther / Nsubuga, Miriam</t>
  </si>
  <si>
    <t>Davis, Kori / Kudasik, Iza / Lacroix, Rebekah / Poole, Kylie / Richardson, Grace</t>
  </si>
  <si>
    <t>Bartel, Ruth / McKenna, Faith / Powell, Harper / Rahe, Sienna</t>
  </si>
  <si>
    <t>Partnership with Business</t>
  </si>
  <si>
    <t>George, Jason / Hamacher, Kyler / Thieman, Matt</t>
  </si>
  <si>
    <t>May, Theresa / Skeels, Cory</t>
  </si>
  <si>
    <t>Montes, Cristian / Pevler, Cody</t>
  </si>
  <si>
    <t>Green, Hayden / Pollard, Wyatt</t>
  </si>
  <si>
    <t>Hurlburt, Trevor / Juhnke, Alexis / Schafer, Bryce</t>
  </si>
  <si>
    <t>Kramer, Daria / Underwood, Emory / Wright, Sydney</t>
  </si>
  <si>
    <t>Dinis, Austin / Ewertz, Matt / Risner, Kaeson</t>
  </si>
  <si>
    <t>University High School</t>
  </si>
  <si>
    <t>Personal Finance</t>
  </si>
  <si>
    <t>Elizabeth</t>
  </si>
  <si>
    <t>Eshleman</t>
  </si>
  <si>
    <t>Daly</t>
  </si>
  <si>
    <t>Jonathon</t>
  </si>
  <si>
    <t>Kathryn</t>
  </si>
  <si>
    <t>Bratcher</t>
  </si>
  <si>
    <t>Horizon High School</t>
  </si>
  <si>
    <t>Todd</t>
  </si>
  <si>
    <t>Packard</t>
  </si>
  <si>
    <t>Dressen-Shipley</t>
  </si>
  <si>
    <t>Zarco</t>
  </si>
  <si>
    <t>Public Service Announcement</t>
  </si>
  <si>
    <t>Lambrecht, Jaedyn / Nelson, Jordan</t>
  </si>
  <si>
    <t>Huss, Peyton / Karg, Karah</t>
  </si>
  <si>
    <t>Duncan, Colby / Stumpf, Colbey</t>
  </si>
  <si>
    <t>Allen, Stephanie / Johnson, Keilah / Smoot, Cecil</t>
  </si>
  <si>
    <t>Gonzalez, Edith / Hale, Kortney / Hasting, Kacie</t>
  </si>
  <si>
    <t>Liu, Ozzy / Rivas, Kadin</t>
  </si>
  <si>
    <t>Muppala, Anu</t>
  </si>
  <si>
    <t>Bandreddi, Divya / O'Donnell, Taylor</t>
  </si>
  <si>
    <t>Anishchenko, Nikolay</t>
  </si>
  <si>
    <t>Lauer, Karlton / Wild, Jacob</t>
  </si>
  <si>
    <t>Public Speaking I</t>
  </si>
  <si>
    <t>Ridgway</t>
  </si>
  <si>
    <t>Doherty</t>
  </si>
  <si>
    <t>Addie</t>
  </si>
  <si>
    <t>Nethra</t>
  </si>
  <si>
    <t>Viswaroopan</t>
  </si>
  <si>
    <t>Shivani</t>
  </si>
  <si>
    <t>Rajpara</t>
  </si>
  <si>
    <t>White</t>
  </si>
  <si>
    <t>Aislynn</t>
  </si>
  <si>
    <t>Fehlberg</t>
  </si>
  <si>
    <t>Enrique</t>
  </si>
  <si>
    <t>Mendoza</t>
  </si>
  <si>
    <t>Ashleigh</t>
  </si>
  <si>
    <t>Hendrix</t>
  </si>
  <si>
    <t>Public Speaking II</t>
  </si>
  <si>
    <t>Air Academy High School</t>
  </si>
  <si>
    <t>Shyu</t>
  </si>
  <si>
    <t>Zhou</t>
  </si>
  <si>
    <t>Chiara</t>
  </si>
  <si>
    <t>Degenhardt</t>
  </si>
  <si>
    <t>Miah</t>
  </si>
  <si>
    <t>Pitcher</t>
  </si>
  <si>
    <t>Vieyra</t>
  </si>
  <si>
    <t>Josh</t>
  </si>
  <si>
    <t>Dovenbarger</t>
  </si>
  <si>
    <t>Cindy</t>
  </si>
  <si>
    <t>Dou</t>
  </si>
  <si>
    <t>Brownwyn</t>
  </si>
  <si>
    <t>Meldrum</t>
  </si>
  <si>
    <t>Espinoza</t>
  </si>
  <si>
    <t>Sales Presentation</t>
  </si>
  <si>
    <t>Rayl</t>
  </si>
  <si>
    <t>Kevin</t>
  </si>
  <si>
    <t>Payan</t>
  </si>
  <si>
    <t>Luma</t>
  </si>
  <si>
    <t>Murib</t>
  </si>
  <si>
    <t>Saige</t>
  </si>
  <si>
    <t>Herbert</t>
  </si>
  <si>
    <t>Alexander</t>
  </si>
  <si>
    <t>Steen</t>
  </si>
  <si>
    <t>Connelly</t>
  </si>
  <si>
    <t>Alexandra</t>
  </si>
  <si>
    <t>Brianna</t>
  </si>
  <si>
    <t>Suter</t>
  </si>
  <si>
    <t>Securities Investments</t>
  </si>
  <si>
    <t>Reece</t>
  </si>
  <si>
    <t>Neben</t>
  </si>
  <si>
    <t>Margosian</t>
  </si>
  <si>
    <t>Redd</t>
  </si>
  <si>
    <t>Dane</t>
  </si>
  <si>
    <t>Overholt</t>
  </si>
  <si>
    <t>Bradley</t>
  </si>
  <si>
    <t>Cumming</t>
  </si>
  <si>
    <t>Spong</t>
  </si>
  <si>
    <t>O'Gara</t>
  </si>
  <si>
    <t>Sanders</t>
  </si>
  <si>
    <t>Pawnee High School</t>
  </si>
  <si>
    <t>Social Media Campaign</t>
  </si>
  <si>
    <t>Maynard, Jennifer / Najarian, Jenny</t>
  </si>
  <si>
    <t>Comstock, Dani / Pelletier, Luke / Tello, Gaby</t>
  </si>
  <si>
    <t>Holleman, Claire / Platt, Natalie / Springer, Sofia</t>
  </si>
  <si>
    <t>Erker, Isabel / Lambrecht, Celine</t>
  </si>
  <si>
    <t>Comstock, Kirsten / Etl, McCall / Tryboski, Katie</t>
  </si>
  <si>
    <t>Anderson, Madison / Atkins, Elise / Jones, Bailee</t>
  </si>
  <si>
    <t>Eggers, Michel / Medina, Emily / Williams, Kendall</t>
  </si>
  <si>
    <t>Brockway, Lee / Farooqi, Hessann / Satish Kumar, Murali</t>
  </si>
  <si>
    <t>Marshall, Jorion / Melendez, Brayan / Negussie, Abel</t>
  </si>
  <si>
    <t>Brink, Amber / Morrow, Delaney / Moya, Autumn</t>
  </si>
  <si>
    <t>Sports &amp; Entertainment Management</t>
  </si>
  <si>
    <t>Hazen, Will / Schwartz, Greg / Tick, Tyler</t>
  </si>
  <si>
    <t>Luxton, Charles / Squillante, James</t>
  </si>
  <si>
    <t>Reeves, Izzi / Wilson, Natalie / Ryan, Mason</t>
  </si>
  <si>
    <t>Bates, Brennan / Bolin, Chris</t>
  </si>
  <si>
    <t>Medina, Tyler / Sheard, Jordan / Thurman, Brendan</t>
  </si>
  <si>
    <t>Wilkey, Davis / Ficker, Taylor</t>
  </si>
  <si>
    <t>Brynestad, Jack / Hogan, Benjamin / Weaver, Garrett</t>
  </si>
  <si>
    <t>Hastings, Zachariah / Winn, Zacc</t>
  </si>
  <si>
    <t>Torres, Severiano / Hintzman, Jacob</t>
  </si>
  <si>
    <t>Eldridge, Cameron / Nelson, Alex / Woodbrey, Tyler</t>
  </si>
  <si>
    <t>Web Site Design</t>
  </si>
  <si>
    <t>Gregory, Josh / Hodgson, Reed</t>
  </si>
  <si>
    <t>Johnson, Shaylee / Schure, Shelbe / Sigmon, Jessica</t>
  </si>
  <si>
    <t>Anderson, Amy / Covelli, Kayla</t>
  </si>
  <si>
    <t>Parker, Jacqueline / Steerman, Jeanette</t>
  </si>
  <si>
    <t>Smith, Zach</t>
  </si>
  <si>
    <t>Jeong, Jessica / Leonard, Ryan / Yi, Suzy</t>
  </si>
  <si>
    <t>Kim, Daniel / Koldyke, Leighton / Nalla, Sriram</t>
  </si>
  <si>
    <t>Garcia, Jonatan / White, Emmett</t>
  </si>
  <si>
    <t>Danhoff, Austin / Sullivan, Nathan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8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8"/>
      <color theme="3"/>
      <name val="Cambria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65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3">
    <xf numFmtId="0" fontId="0" fillId="0" borderId="0" xfId="0"/>
    <xf numFmtId="0" fontId="0" fillId="0" borderId="0" xfId="0" applyFill="1"/>
    <xf numFmtId="0" fontId="14" fillId="0" borderId="0" xfId="0" applyFont="1" applyFill="1"/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dimension ref="A1:F585"/>
  <sheetViews>
    <sheetView tabSelected="1" topLeftCell="A346" workbookViewId="0">
      <selection activeCell="E585" sqref="E585"/>
    </sheetView>
  </sheetViews>
  <sheetFormatPr defaultRowHeight="15" x14ac:dyDescent="0.25"/>
  <cols>
    <col min="1" max="1" width="23.85546875" customWidth="1"/>
    <col min="2" max="2" width="33.140625" customWidth="1"/>
    <col min="3" max="3" width="19.28515625" bestFit="1" customWidth="1"/>
    <col min="4" max="4" width="36.7109375" bestFit="1" customWidth="1"/>
  </cols>
  <sheetData>
    <row r="1" spans="1:5" x14ac:dyDescent="0.25">
      <c r="A1" t="s">
        <v>0</v>
      </c>
      <c r="B1" t="s">
        <v>1</v>
      </c>
      <c r="C1" t="s">
        <v>1</v>
      </c>
      <c r="D1" t="s">
        <v>2</v>
      </c>
      <c r="E1" t="s">
        <v>3</v>
      </c>
    </row>
    <row r="2" spans="1:5" x14ac:dyDescent="0.25">
      <c r="A2" t="s">
        <v>4</v>
      </c>
      <c r="B2" t="s">
        <v>11</v>
      </c>
      <c r="D2" t="s">
        <v>12</v>
      </c>
      <c r="E2">
        <v>1</v>
      </c>
    </row>
    <row r="3" spans="1:5" x14ac:dyDescent="0.25">
      <c r="A3" t="s">
        <v>4</v>
      </c>
      <c r="B3" t="s">
        <v>5</v>
      </c>
      <c r="D3" t="s">
        <v>6</v>
      </c>
      <c r="E3">
        <v>2</v>
      </c>
    </row>
    <row r="4" spans="1:5" x14ac:dyDescent="0.25">
      <c r="A4" t="s">
        <v>4</v>
      </c>
      <c r="B4" t="s">
        <v>9</v>
      </c>
      <c r="D4" t="s">
        <v>10</v>
      </c>
      <c r="E4">
        <v>3</v>
      </c>
    </row>
    <row r="5" spans="1:5" x14ac:dyDescent="0.25">
      <c r="A5" t="s">
        <v>4</v>
      </c>
      <c r="B5" t="s">
        <v>7</v>
      </c>
      <c r="D5" t="s">
        <v>8</v>
      </c>
      <c r="E5">
        <v>4</v>
      </c>
    </row>
    <row r="6" spans="1:5" x14ac:dyDescent="0.25">
      <c r="A6" t="s">
        <v>14</v>
      </c>
      <c r="B6" t="s">
        <v>47</v>
      </c>
      <c r="C6" t="s">
        <v>61</v>
      </c>
      <c r="D6" t="s">
        <v>58</v>
      </c>
      <c r="E6">
        <v>1</v>
      </c>
    </row>
    <row r="7" spans="1:5" x14ac:dyDescent="0.25">
      <c r="A7" t="s">
        <v>14</v>
      </c>
      <c r="B7" t="s">
        <v>41</v>
      </c>
      <c r="C7" t="s">
        <v>42</v>
      </c>
      <c r="D7" t="s">
        <v>43</v>
      </c>
      <c r="E7">
        <v>2</v>
      </c>
    </row>
    <row r="8" spans="1:5" x14ac:dyDescent="0.25">
      <c r="A8" t="s">
        <v>14</v>
      </c>
      <c r="B8" t="s">
        <v>34</v>
      </c>
      <c r="C8" t="s">
        <v>35</v>
      </c>
      <c r="D8" t="s">
        <v>33</v>
      </c>
      <c r="E8">
        <v>3</v>
      </c>
    </row>
    <row r="9" spans="1:5" x14ac:dyDescent="0.25">
      <c r="A9" t="s">
        <v>14</v>
      </c>
      <c r="B9" t="s">
        <v>23</v>
      </c>
      <c r="C9" t="s">
        <v>24</v>
      </c>
      <c r="D9" t="s">
        <v>25</v>
      </c>
      <c r="E9">
        <v>4</v>
      </c>
    </row>
    <row r="10" spans="1:5" x14ac:dyDescent="0.25">
      <c r="A10" t="s">
        <v>14</v>
      </c>
      <c r="B10" t="s">
        <v>20</v>
      </c>
      <c r="C10" t="s">
        <v>21</v>
      </c>
      <c r="D10" t="s">
        <v>22</v>
      </c>
      <c r="E10">
        <v>5</v>
      </c>
    </row>
    <row r="11" spans="1:5" x14ac:dyDescent="0.25">
      <c r="A11" t="s">
        <v>14</v>
      </c>
      <c r="B11" t="s">
        <v>59</v>
      </c>
      <c r="C11" t="s">
        <v>60</v>
      </c>
      <c r="D11" t="s">
        <v>58</v>
      </c>
      <c r="E11">
        <v>6</v>
      </c>
    </row>
    <row r="12" spans="1:5" x14ac:dyDescent="0.25">
      <c r="A12" t="s">
        <v>14</v>
      </c>
      <c r="B12" t="s">
        <v>16</v>
      </c>
      <c r="C12" t="s">
        <v>17</v>
      </c>
      <c r="D12" t="s">
        <v>18</v>
      </c>
      <c r="E12">
        <v>7</v>
      </c>
    </row>
    <row r="13" spans="1:5" x14ac:dyDescent="0.25">
      <c r="A13" t="s">
        <v>14</v>
      </c>
      <c r="B13" t="s">
        <v>29</v>
      </c>
      <c r="C13" t="s">
        <v>30</v>
      </c>
      <c r="D13" t="s">
        <v>31</v>
      </c>
      <c r="E13">
        <v>7</v>
      </c>
    </row>
    <row r="14" spans="1:5" x14ac:dyDescent="0.25">
      <c r="A14" t="s">
        <v>14</v>
      </c>
      <c r="B14" t="s">
        <v>38</v>
      </c>
      <c r="C14" t="s">
        <v>39</v>
      </c>
      <c r="D14" t="s">
        <v>40</v>
      </c>
      <c r="E14">
        <v>7</v>
      </c>
    </row>
    <row r="15" spans="1:5" x14ac:dyDescent="0.25">
      <c r="A15" t="s">
        <v>14</v>
      </c>
      <c r="B15" t="s">
        <v>26</v>
      </c>
      <c r="C15" t="s">
        <v>27</v>
      </c>
      <c r="D15" t="s">
        <v>28</v>
      </c>
      <c r="E15">
        <v>8</v>
      </c>
    </row>
    <row r="16" spans="1:5" x14ac:dyDescent="0.25">
      <c r="A16" t="s">
        <v>14</v>
      </c>
      <c r="B16" t="s">
        <v>44</v>
      </c>
      <c r="C16" t="s">
        <v>45</v>
      </c>
      <c r="D16" t="s">
        <v>46</v>
      </c>
      <c r="E16">
        <v>8</v>
      </c>
    </row>
    <row r="17" spans="1:5" x14ac:dyDescent="0.25">
      <c r="A17" t="s">
        <v>62</v>
      </c>
      <c r="B17" t="s">
        <v>67</v>
      </c>
      <c r="C17" t="s">
        <v>68</v>
      </c>
      <c r="D17" t="s">
        <v>25</v>
      </c>
      <c r="E17">
        <v>1</v>
      </c>
    </row>
    <row r="18" spans="1:5" x14ac:dyDescent="0.25">
      <c r="A18" t="s">
        <v>62</v>
      </c>
      <c r="B18" t="s">
        <v>59</v>
      </c>
      <c r="C18" t="s">
        <v>69</v>
      </c>
      <c r="D18" t="s">
        <v>25</v>
      </c>
      <c r="E18">
        <v>2</v>
      </c>
    </row>
    <row r="19" spans="1:5" x14ac:dyDescent="0.25">
      <c r="A19" t="s">
        <v>62</v>
      </c>
      <c r="B19" t="s">
        <v>73</v>
      </c>
      <c r="C19" t="s">
        <v>74</v>
      </c>
      <c r="D19" t="s">
        <v>32</v>
      </c>
      <c r="E19">
        <v>3</v>
      </c>
    </row>
    <row r="20" spans="1:5" x14ac:dyDescent="0.25">
      <c r="A20" t="s">
        <v>62</v>
      </c>
      <c r="B20" t="s">
        <v>75</v>
      </c>
      <c r="C20" t="s">
        <v>76</v>
      </c>
      <c r="D20" t="s">
        <v>32</v>
      </c>
      <c r="E20">
        <v>4</v>
      </c>
    </row>
    <row r="21" spans="1:5" x14ac:dyDescent="0.25">
      <c r="A21" t="s">
        <v>62</v>
      </c>
      <c r="B21" t="s">
        <v>85</v>
      </c>
      <c r="C21" t="s">
        <v>86</v>
      </c>
      <c r="D21" t="s">
        <v>48</v>
      </c>
      <c r="E21">
        <v>5</v>
      </c>
    </row>
    <row r="22" spans="1:5" x14ac:dyDescent="0.25">
      <c r="A22" t="s">
        <v>62</v>
      </c>
      <c r="B22" t="s">
        <v>83</v>
      </c>
      <c r="C22" t="s">
        <v>84</v>
      </c>
      <c r="D22" t="s">
        <v>82</v>
      </c>
      <c r="E22">
        <v>6</v>
      </c>
    </row>
    <row r="23" spans="1:5" x14ac:dyDescent="0.25">
      <c r="A23" t="s">
        <v>62</v>
      </c>
      <c r="B23" t="s">
        <v>89</v>
      </c>
      <c r="C23" t="s">
        <v>90</v>
      </c>
      <c r="D23" t="s">
        <v>52</v>
      </c>
      <c r="E23">
        <v>7</v>
      </c>
    </row>
    <row r="24" spans="1:5" x14ac:dyDescent="0.25">
      <c r="A24" t="s">
        <v>62</v>
      </c>
      <c r="B24" t="s">
        <v>80</v>
      </c>
      <c r="C24" t="s">
        <v>81</v>
      </c>
      <c r="D24" t="s">
        <v>82</v>
      </c>
      <c r="E24">
        <v>8</v>
      </c>
    </row>
    <row r="25" spans="1:5" x14ac:dyDescent="0.25">
      <c r="A25" t="s">
        <v>62</v>
      </c>
      <c r="B25" t="s">
        <v>70</v>
      </c>
      <c r="C25" t="s">
        <v>71</v>
      </c>
      <c r="D25" t="s">
        <v>72</v>
      </c>
      <c r="E25">
        <v>9</v>
      </c>
    </row>
    <row r="26" spans="1:5" x14ac:dyDescent="0.25">
      <c r="A26" t="s">
        <v>62</v>
      </c>
      <c r="B26" t="s">
        <v>87</v>
      </c>
      <c r="C26" t="s">
        <v>88</v>
      </c>
      <c r="D26" t="s">
        <v>10</v>
      </c>
      <c r="E26">
        <v>10</v>
      </c>
    </row>
    <row r="27" spans="1:5" x14ac:dyDescent="0.25">
      <c r="A27" t="s">
        <v>62</v>
      </c>
      <c r="B27" t="s">
        <v>77</v>
      </c>
      <c r="C27" t="s">
        <v>78</v>
      </c>
      <c r="D27" t="s">
        <v>79</v>
      </c>
      <c r="E27">
        <v>11</v>
      </c>
    </row>
    <row r="28" spans="1:5" x14ac:dyDescent="0.25">
      <c r="A28" t="s">
        <v>91</v>
      </c>
      <c r="B28" t="s">
        <v>100</v>
      </c>
      <c r="C28" t="s">
        <v>101</v>
      </c>
      <c r="D28" t="s">
        <v>102</v>
      </c>
      <c r="E28">
        <v>1</v>
      </c>
    </row>
    <row r="29" spans="1:5" x14ac:dyDescent="0.25">
      <c r="A29" t="s">
        <v>91</v>
      </c>
      <c r="B29" t="s">
        <v>92</v>
      </c>
      <c r="C29" t="s">
        <v>93</v>
      </c>
      <c r="D29" t="s">
        <v>6</v>
      </c>
      <c r="E29">
        <v>2</v>
      </c>
    </row>
    <row r="30" spans="1:5" x14ac:dyDescent="0.25">
      <c r="A30" t="s">
        <v>91</v>
      </c>
      <c r="B30" t="s">
        <v>130</v>
      </c>
      <c r="C30" t="s">
        <v>131</v>
      </c>
      <c r="D30" t="s">
        <v>132</v>
      </c>
      <c r="E30">
        <v>3</v>
      </c>
    </row>
    <row r="31" spans="1:5" x14ac:dyDescent="0.25">
      <c r="A31" t="s">
        <v>91</v>
      </c>
      <c r="B31" t="s">
        <v>104</v>
      </c>
      <c r="C31" t="s">
        <v>105</v>
      </c>
      <c r="D31" t="s">
        <v>103</v>
      </c>
      <c r="E31">
        <v>4</v>
      </c>
    </row>
    <row r="32" spans="1:5" x14ac:dyDescent="0.25">
      <c r="A32" t="s">
        <v>91</v>
      </c>
      <c r="B32" t="s">
        <v>95</v>
      </c>
      <c r="C32" t="s">
        <v>96</v>
      </c>
      <c r="D32" t="s">
        <v>97</v>
      </c>
      <c r="E32">
        <v>5</v>
      </c>
    </row>
    <row r="33" spans="1:5" x14ac:dyDescent="0.25">
      <c r="A33" t="s">
        <v>91</v>
      </c>
      <c r="B33" t="s">
        <v>106</v>
      </c>
      <c r="C33" t="s">
        <v>107</v>
      </c>
      <c r="D33" t="s">
        <v>108</v>
      </c>
      <c r="E33">
        <v>6</v>
      </c>
    </row>
    <row r="34" spans="1:5" x14ac:dyDescent="0.25">
      <c r="A34" t="s">
        <v>91</v>
      </c>
      <c r="B34" t="s">
        <v>118</v>
      </c>
      <c r="C34" t="s">
        <v>119</v>
      </c>
      <c r="D34" t="s">
        <v>117</v>
      </c>
      <c r="E34">
        <v>6</v>
      </c>
    </row>
    <row r="35" spans="1:5" x14ac:dyDescent="0.25">
      <c r="A35" t="s">
        <v>91</v>
      </c>
      <c r="B35" t="s">
        <v>98</v>
      </c>
      <c r="C35" t="s">
        <v>99</v>
      </c>
      <c r="D35" t="s">
        <v>37</v>
      </c>
      <c r="E35">
        <v>7</v>
      </c>
    </row>
    <row r="36" spans="1:5" x14ac:dyDescent="0.25">
      <c r="A36" t="s">
        <v>91</v>
      </c>
      <c r="B36" t="s">
        <v>109</v>
      </c>
      <c r="C36" t="s">
        <v>110</v>
      </c>
      <c r="D36" t="s">
        <v>111</v>
      </c>
      <c r="E36">
        <v>8</v>
      </c>
    </row>
    <row r="37" spans="1:5" x14ac:dyDescent="0.25">
      <c r="A37" t="s">
        <v>91</v>
      </c>
      <c r="B37" t="s">
        <v>123</v>
      </c>
      <c r="C37" t="s">
        <v>124</v>
      </c>
      <c r="D37" t="s">
        <v>125</v>
      </c>
      <c r="E37">
        <v>8</v>
      </c>
    </row>
    <row r="38" spans="1:5" x14ac:dyDescent="0.25">
      <c r="A38" t="s">
        <v>135</v>
      </c>
      <c r="B38" t="s">
        <v>139</v>
      </c>
      <c r="D38" t="s">
        <v>140</v>
      </c>
      <c r="E38">
        <v>1</v>
      </c>
    </row>
    <row r="39" spans="1:5" x14ac:dyDescent="0.25">
      <c r="A39" t="s">
        <v>135</v>
      </c>
      <c r="B39" t="s">
        <v>143</v>
      </c>
      <c r="D39" t="s">
        <v>144</v>
      </c>
      <c r="E39">
        <v>2</v>
      </c>
    </row>
    <row r="40" spans="1:5" x14ac:dyDescent="0.25">
      <c r="A40" t="s">
        <v>135</v>
      </c>
      <c r="B40" t="s">
        <v>141</v>
      </c>
      <c r="D40" t="s">
        <v>142</v>
      </c>
      <c r="E40">
        <v>3</v>
      </c>
    </row>
    <row r="41" spans="1:5" x14ac:dyDescent="0.25">
      <c r="A41" t="s">
        <v>135</v>
      </c>
      <c r="B41" t="s">
        <v>145</v>
      </c>
      <c r="D41" t="s">
        <v>115</v>
      </c>
      <c r="E41">
        <v>4</v>
      </c>
    </row>
    <row r="42" spans="1:5" x14ac:dyDescent="0.25">
      <c r="A42" t="s">
        <v>135</v>
      </c>
      <c r="B42" t="s">
        <v>137</v>
      </c>
      <c r="D42" t="s">
        <v>15</v>
      </c>
      <c r="E42">
        <v>5</v>
      </c>
    </row>
    <row r="43" spans="1:5" x14ac:dyDescent="0.25">
      <c r="A43" t="s">
        <v>135</v>
      </c>
      <c r="B43" t="s">
        <v>146</v>
      </c>
      <c r="D43" t="s">
        <v>12</v>
      </c>
      <c r="E43">
        <v>6</v>
      </c>
    </row>
    <row r="44" spans="1:5" x14ac:dyDescent="0.25">
      <c r="A44" t="s">
        <v>135</v>
      </c>
      <c r="B44" t="s">
        <v>136</v>
      </c>
      <c r="D44" t="s">
        <v>64</v>
      </c>
      <c r="E44">
        <v>7</v>
      </c>
    </row>
    <row r="45" spans="1:5" x14ac:dyDescent="0.25">
      <c r="A45" t="s">
        <v>135</v>
      </c>
      <c r="B45" t="s">
        <v>147</v>
      </c>
      <c r="D45" t="s">
        <v>13</v>
      </c>
      <c r="E45">
        <v>8</v>
      </c>
    </row>
    <row r="46" spans="1:5" x14ac:dyDescent="0.25">
      <c r="A46" t="s">
        <v>148</v>
      </c>
      <c r="B46" t="s">
        <v>152</v>
      </c>
      <c r="D46" t="s">
        <v>25</v>
      </c>
      <c r="E46">
        <v>1</v>
      </c>
    </row>
    <row r="47" spans="1:5" x14ac:dyDescent="0.25">
      <c r="A47" t="s">
        <v>148</v>
      </c>
      <c r="B47" t="s">
        <v>161</v>
      </c>
      <c r="D47" t="s">
        <v>162</v>
      </c>
      <c r="E47">
        <v>2</v>
      </c>
    </row>
    <row r="48" spans="1:5" x14ac:dyDescent="0.25">
      <c r="A48" t="s">
        <v>148</v>
      </c>
      <c r="B48" t="s">
        <v>151</v>
      </c>
      <c r="D48" t="s">
        <v>150</v>
      </c>
      <c r="E48">
        <v>3</v>
      </c>
    </row>
    <row r="49" spans="1:5" x14ac:dyDescent="0.25">
      <c r="A49" t="s">
        <v>148</v>
      </c>
      <c r="B49" t="s">
        <v>163</v>
      </c>
      <c r="D49" t="s">
        <v>12</v>
      </c>
      <c r="E49">
        <v>4</v>
      </c>
    </row>
    <row r="50" spans="1:5" x14ac:dyDescent="0.25">
      <c r="A50" t="s">
        <v>148</v>
      </c>
      <c r="B50" t="s">
        <v>164</v>
      </c>
      <c r="D50" t="s">
        <v>165</v>
      </c>
      <c r="E50">
        <v>5</v>
      </c>
    </row>
    <row r="51" spans="1:5" x14ac:dyDescent="0.25">
      <c r="A51" t="s">
        <v>148</v>
      </c>
      <c r="B51" t="s">
        <v>149</v>
      </c>
      <c r="D51" t="s">
        <v>150</v>
      </c>
      <c r="E51">
        <v>6</v>
      </c>
    </row>
    <row r="52" spans="1:5" x14ac:dyDescent="0.25">
      <c r="A52" t="s">
        <v>148</v>
      </c>
      <c r="B52" t="s">
        <v>156</v>
      </c>
      <c r="D52" t="s">
        <v>157</v>
      </c>
      <c r="E52">
        <v>7</v>
      </c>
    </row>
    <row r="53" spans="1:5" x14ac:dyDescent="0.25">
      <c r="A53" t="s">
        <v>148</v>
      </c>
      <c r="B53" t="s">
        <v>158</v>
      </c>
      <c r="D53" t="s">
        <v>48</v>
      </c>
      <c r="E53">
        <v>8</v>
      </c>
    </row>
    <row r="54" spans="1:5" x14ac:dyDescent="0.25">
      <c r="A54" t="s">
        <v>148</v>
      </c>
      <c r="B54" t="s">
        <v>153</v>
      </c>
      <c r="D54" t="s">
        <v>154</v>
      </c>
      <c r="E54">
        <v>9</v>
      </c>
    </row>
    <row r="55" spans="1:5" x14ac:dyDescent="0.25">
      <c r="A55" t="s">
        <v>148</v>
      </c>
      <c r="B55" t="s">
        <v>159</v>
      </c>
      <c r="D55" t="s">
        <v>48</v>
      </c>
      <c r="E55">
        <v>10</v>
      </c>
    </row>
    <row r="56" spans="1:5" x14ac:dyDescent="0.25">
      <c r="A56" t="s">
        <v>166</v>
      </c>
      <c r="B56" t="s">
        <v>196</v>
      </c>
      <c r="C56" t="s">
        <v>197</v>
      </c>
      <c r="D56" t="s">
        <v>195</v>
      </c>
      <c r="E56">
        <v>1</v>
      </c>
    </row>
    <row r="57" spans="1:5" x14ac:dyDescent="0.25">
      <c r="A57" t="s">
        <v>166</v>
      </c>
      <c r="B57" t="s">
        <v>180</v>
      </c>
      <c r="C57" t="s">
        <v>181</v>
      </c>
      <c r="D57" t="s">
        <v>182</v>
      </c>
      <c r="E57">
        <v>2</v>
      </c>
    </row>
    <row r="58" spans="1:5" x14ac:dyDescent="0.25">
      <c r="A58" t="s">
        <v>166</v>
      </c>
      <c r="B58" t="s">
        <v>183</v>
      </c>
      <c r="C58" t="s">
        <v>51</v>
      </c>
      <c r="D58" t="s">
        <v>40</v>
      </c>
      <c r="E58">
        <v>3</v>
      </c>
    </row>
    <row r="59" spans="1:5" x14ac:dyDescent="0.25">
      <c r="A59" t="s">
        <v>166</v>
      </c>
      <c r="B59" t="s">
        <v>176</v>
      </c>
      <c r="C59" t="s">
        <v>177</v>
      </c>
      <c r="D59" t="s">
        <v>178</v>
      </c>
      <c r="E59">
        <v>4</v>
      </c>
    </row>
    <row r="60" spans="1:5" x14ac:dyDescent="0.25">
      <c r="A60" t="s">
        <v>166</v>
      </c>
      <c r="B60" t="s">
        <v>172</v>
      </c>
      <c r="C60" t="s">
        <v>179</v>
      </c>
      <c r="D60" t="s">
        <v>178</v>
      </c>
      <c r="E60">
        <v>5</v>
      </c>
    </row>
    <row r="61" spans="1:5" x14ac:dyDescent="0.25">
      <c r="A61" t="s">
        <v>166</v>
      </c>
      <c r="B61" t="s">
        <v>193</v>
      </c>
      <c r="C61" t="s">
        <v>194</v>
      </c>
      <c r="D61" t="s">
        <v>195</v>
      </c>
      <c r="E61">
        <v>5</v>
      </c>
    </row>
    <row r="62" spans="1:5" x14ac:dyDescent="0.25">
      <c r="A62" t="s">
        <v>166</v>
      </c>
      <c r="B62" t="s">
        <v>167</v>
      </c>
      <c r="C62" t="s">
        <v>168</v>
      </c>
      <c r="D62" t="s">
        <v>64</v>
      </c>
      <c r="E62">
        <v>6</v>
      </c>
    </row>
    <row r="63" spans="1:5" x14ac:dyDescent="0.25">
      <c r="A63" t="s">
        <v>166</v>
      </c>
      <c r="B63" t="s">
        <v>172</v>
      </c>
      <c r="C63" t="s">
        <v>173</v>
      </c>
      <c r="D63" t="s">
        <v>174</v>
      </c>
      <c r="E63">
        <v>6</v>
      </c>
    </row>
    <row r="64" spans="1:5" x14ac:dyDescent="0.25">
      <c r="A64" t="s">
        <v>166</v>
      </c>
      <c r="B64" t="s">
        <v>191</v>
      </c>
      <c r="C64" t="s">
        <v>192</v>
      </c>
      <c r="D64" t="s">
        <v>50</v>
      </c>
      <c r="E64">
        <v>6</v>
      </c>
    </row>
    <row r="65" spans="1:5" x14ac:dyDescent="0.25">
      <c r="A65" t="s">
        <v>166</v>
      </c>
      <c r="B65" t="s">
        <v>92</v>
      </c>
      <c r="C65" t="s">
        <v>187</v>
      </c>
      <c r="D65" t="s">
        <v>108</v>
      </c>
      <c r="E65">
        <v>7</v>
      </c>
    </row>
    <row r="66" spans="1:5" x14ac:dyDescent="0.25">
      <c r="A66" t="s">
        <v>201</v>
      </c>
      <c r="B66" t="s">
        <v>218</v>
      </c>
      <c r="C66" t="s">
        <v>219</v>
      </c>
      <c r="D66" t="s">
        <v>128</v>
      </c>
      <c r="E66">
        <v>1</v>
      </c>
    </row>
    <row r="67" spans="1:5" x14ac:dyDescent="0.25">
      <c r="A67" t="s">
        <v>201</v>
      </c>
      <c r="B67" t="s">
        <v>19</v>
      </c>
      <c r="C67" t="s">
        <v>220</v>
      </c>
      <c r="D67" t="s">
        <v>221</v>
      </c>
      <c r="E67">
        <v>2</v>
      </c>
    </row>
    <row r="68" spans="1:5" x14ac:dyDescent="0.25">
      <c r="A68" t="s">
        <v>201</v>
      </c>
      <c r="B68" t="s">
        <v>204</v>
      </c>
      <c r="C68" t="s">
        <v>205</v>
      </c>
      <c r="D68" t="s">
        <v>97</v>
      </c>
      <c r="E68">
        <v>3</v>
      </c>
    </row>
    <row r="69" spans="1:5" x14ac:dyDescent="0.25">
      <c r="A69" t="s">
        <v>201</v>
      </c>
      <c r="B69" t="s">
        <v>216</v>
      </c>
      <c r="C69" t="s">
        <v>217</v>
      </c>
      <c r="D69" t="s">
        <v>128</v>
      </c>
      <c r="E69">
        <v>4</v>
      </c>
    </row>
    <row r="70" spans="1:5" x14ac:dyDescent="0.25">
      <c r="A70" t="s">
        <v>201</v>
      </c>
      <c r="B70" t="s">
        <v>212</v>
      </c>
      <c r="C70" t="s">
        <v>213</v>
      </c>
      <c r="D70" t="s">
        <v>10</v>
      </c>
      <c r="E70">
        <v>5</v>
      </c>
    </row>
    <row r="71" spans="1:5" x14ac:dyDescent="0.25">
      <c r="A71" t="s">
        <v>201</v>
      </c>
      <c r="B71" t="s">
        <v>202</v>
      </c>
      <c r="C71" t="s">
        <v>203</v>
      </c>
      <c r="D71" t="s">
        <v>97</v>
      </c>
      <c r="E71">
        <v>6</v>
      </c>
    </row>
    <row r="72" spans="1:5" x14ac:dyDescent="0.25">
      <c r="A72" t="s">
        <v>201</v>
      </c>
      <c r="B72" t="s">
        <v>210</v>
      </c>
      <c r="C72" t="s">
        <v>36</v>
      </c>
      <c r="D72" t="s">
        <v>108</v>
      </c>
      <c r="E72">
        <v>7</v>
      </c>
    </row>
    <row r="73" spans="1:5" x14ac:dyDescent="0.25">
      <c r="A73" t="s">
        <v>201</v>
      </c>
      <c r="B73" t="s">
        <v>100</v>
      </c>
      <c r="C73" t="s">
        <v>214</v>
      </c>
      <c r="D73" t="s">
        <v>215</v>
      </c>
      <c r="E73">
        <v>8</v>
      </c>
    </row>
    <row r="74" spans="1:5" x14ac:dyDescent="0.25">
      <c r="A74" t="s">
        <v>201</v>
      </c>
      <c r="B74" t="s">
        <v>121</v>
      </c>
      <c r="C74" t="s">
        <v>206</v>
      </c>
      <c r="D74" t="s">
        <v>207</v>
      </c>
      <c r="E74">
        <v>9</v>
      </c>
    </row>
    <row r="75" spans="1:5" x14ac:dyDescent="0.25">
      <c r="A75" t="s">
        <v>201</v>
      </c>
      <c r="B75" t="s">
        <v>222</v>
      </c>
      <c r="C75" t="s">
        <v>223</v>
      </c>
      <c r="D75" t="s">
        <v>132</v>
      </c>
      <c r="E75">
        <v>10</v>
      </c>
    </row>
    <row r="76" spans="1:5" x14ac:dyDescent="0.25">
      <c r="A76" t="s">
        <v>227</v>
      </c>
      <c r="B76" t="s">
        <v>236</v>
      </c>
      <c r="D76" t="s">
        <v>237</v>
      </c>
      <c r="E76">
        <v>1</v>
      </c>
    </row>
    <row r="77" spans="1:5" x14ac:dyDescent="0.25">
      <c r="A77" t="s">
        <v>227</v>
      </c>
      <c r="B77" t="s">
        <v>230</v>
      </c>
      <c r="D77" t="s">
        <v>97</v>
      </c>
      <c r="E77">
        <v>2</v>
      </c>
    </row>
    <row r="78" spans="1:5" x14ac:dyDescent="0.25">
      <c r="A78" t="s">
        <v>227</v>
      </c>
      <c r="B78" t="s">
        <v>231</v>
      </c>
      <c r="D78" t="s">
        <v>66</v>
      </c>
      <c r="E78">
        <v>3</v>
      </c>
    </row>
    <row r="79" spans="1:5" x14ac:dyDescent="0.25">
      <c r="A79" t="s">
        <v>227</v>
      </c>
      <c r="B79" t="s">
        <v>235</v>
      </c>
      <c r="D79" t="s">
        <v>120</v>
      </c>
      <c r="E79">
        <v>4</v>
      </c>
    </row>
    <row r="80" spans="1:5" x14ac:dyDescent="0.25">
      <c r="A80" t="s">
        <v>227</v>
      </c>
      <c r="B80" t="s">
        <v>239</v>
      </c>
      <c r="D80" t="s">
        <v>128</v>
      </c>
      <c r="E80">
        <v>5</v>
      </c>
    </row>
    <row r="81" spans="1:5" x14ac:dyDescent="0.25">
      <c r="A81" t="s">
        <v>227</v>
      </c>
      <c r="B81" t="s">
        <v>241</v>
      </c>
      <c r="D81" t="s">
        <v>165</v>
      </c>
      <c r="E81">
        <v>6</v>
      </c>
    </row>
    <row r="82" spans="1:5" x14ac:dyDescent="0.25">
      <c r="A82" t="s">
        <v>227</v>
      </c>
      <c r="B82" t="s">
        <v>233</v>
      </c>
      <c r="D82" t="s">
        <v>102</v>
      </c>
      <c r="E82">
        <v>7</v>
      </c>
    </row>
    <row r="83" spans="1:5" x14ac:dyDescent="0.25">
      <c r="A83" t="s">
        <v>227</v>
      </c>
      <c r="B83" t="s">
        <v>234</v>
      </c>
      <c r="D83" t="s">
        <v>8</v>
      </c>
      <c r="E83">
        <v>8</v>
      </c>
    </row>
    <row r="84" spans="1:5" x14ac:dyDescent="0.25">
      <c r="A84" t="s">
        <v>227</v>
      </c>
      <c r="B84" t="s">
        <v>228</v>
      </c>
      <c r="D84" t="s">
        <v>229</v>
      </c>
      <c r="E84">
        <v>9</v>
      </c>
    </row>
    <row r="85" spans="1:5" x14ac:dyDescent="0.25">
      <c r="A85" t="s">
        <v>227</v>
      </c>
      <c r="B85" t="s">
        <v>240</v>
      </c>
      <c r="D85" t="s">
        <v>128</v>
      </c>
      <c r="E85">
        <v>10</v>
      </c>
    </row>
    <row r="86" spans="1:5" x14ac:dyDescent="0.25">
      <c r="A86" t="s">
        <v>242</v>
      </c>
      <c r="B86" t="s">
        <v>248</v>
      </c>
      <c r="D86" t="s">
        <v>249</v>
      </c>
      <c r="E86">
        <v>1</v>
      </c>
    </row>
    <row r="87" spans="1:5" x14ac:dyDescent="0.25">
      <c r="A87" t="s">
        <v>242</v>
      </c>
      <c r="B87" t="s">
        <v>250</v>
      </c>
      <c r="D87" t="s">
        <v>122</v>
      </c>
      <c r="E87">
        <v>2</v>
      </c>
    </row>
    <row r="88" spans="1:5" x14ac:dyDescent="0.25">
      <c r="A88" t="s">
        <v>242</v>
      </c>
      <c r="B88" t="s">
        <v>245</v>
      </c>
      <c r="D88" t="s">
        <v>111</v>
      </c>
      <c r="E88">
        <v>3</v>
      </c>
    </row>
    <row r="89" spans="1:5" x14ac:dyDescent="0.25">
      <c r="A89" t="s">
        <v>242</v>
      </c>
      <c r="B89" t="s">
        <v>251</v>
      </c>
      <c r="D89" t="s">
        <v>215</v>
      </c>
      <c r="E89">
        <v>4</v>
      </c>
    </row>
    <row r="90" spans="1:5" x14ac:dyDescent="0.25">
      <c r="A90" t="s">
        <v>242</v>
      </c>
      <c r="B90" t="s">
        <v>254</v>
      </c>
      <c r="D90" t="s">
        <v>221</v>
      </c>
      <c r="E90">
        <v>5</v>
      </c>
    </row>
    <row r="91" spans="1:5" x14ac:dyDescent="0.25">
      <c r="A91" t="s">
        <v>242</v>
      </c>
      <c r="B91" t="s">
        <v>243</v>
      </c>
      <c r="D91" t="s">
        <v>97</v>
      </c>
      <c r="E91">
        <v>6</v>
      </c>
    </row>
    <row r="92" spans="1:5" x14ac:dyDescent="0.25">
      <c r="A92" t="s">
        <v>242</v>
      </c>
      <c r="B92" t="s">
        <v>253</v>
      </c>
      <c r="D92" t="s">
        <v>221</v>
      </c>
      <c r="E92">
        <v>7</v>
      </c>
    </row>
    <row r="93" spans="1:5" x14ac:dyDescent="0.25">
      <c r="A93" t="s">
        <v>242</v>
      </c>
      <c r="B93" t="s">
        <v>252</v>
      </c>
      <c r="D93" t="s">
        <v>128</v>
      </c>
      <c r="E93">
        <v>8</v>
      </c>
    </row>
    <row r="94" spans="1:5" x14ac:dyDescent="0.25">
      <c r="A94" t="s">
        <v>242</v>
      </c>
      <c r="B94" t="s">
        <v>246</v>
      </c>
      <c r="D94" t="s">
        <v>247</v>
      </c>
      <c r="E94">
        <v>9</v>
      </c>
    </row>
    <row r="95" spans="1:5" x14ac:dyDescent="0.25">
      <c r="A95" t="s">
        <v>242</v>
      </c>
      <c r="B95" t="s">
        <v>255</v>
      </c>
      <c r="D95" t="s">
        <v>256</v>
      </c>
      <c r="E95">
        <v>10</v>
      </c>
    </row>
    <row r="96" spans="1:5" x14ac:dyDescent="0.25">
      <c r="A96" t="s">
        <v>242</v>
      </c>
      <c r="B96" t="s">
        <v>244</v>
      </c>
      <c r="D96" t="s">
        <v>28</v>
      </c>
      <c r="E96">
        <v>11</v>
      </c>
    </row>
    <row r="97" spans="1:5" x14ac:dyDescent="0.25">
      <c r="A97" t="s">
        <v>257</v>
      </c>
      <c r="B97" t="s">
        <v>281</v>
      </c>
      <c r="C97" t="s">
        <v>282</v>
      </c>
      <c r="D97" t="s">
        <v>122</v>
      </c>
      <c r="E97">
        <v>1</v>
      </c>
    </row>
    <row r="98" spans="1:5" x14ac:dyDescent="0.25">
      <c r="A98" t="s">
        <v>257</v>
      </c>
      <c r="B98" t="s">
        <v>259</v>
      </c>
      <c r="C98" t="s">
        <v>260</v>
      </c>
      <c r="D98" t="s">
        <v>28</v>
      </c>
      <c r="E98">
        <v>2</v>
      </c>
    </row>
    <row r="99" spans="1:5" x14ac:dyDescent="0.25">
      <c r="A99" t="s">
        <v>257</v>
      </c>
      <c r="B99" t="s">
        <v>263</v>
      </c>
      <c r="C99" t="s">
        <v>264</v>
      </c>
      <c r="D99" t="s">
        <v>28</v>
      </c>
      <c r="E99">
        <v>3</v>
      </c>
    </row>
    <row r="100" spans="1:5" x14ac:dyDescent="0.25">
      <c r="A100" t="s">
        <v>257</v>
      </c>
      <c r="B100" t="s">
        <v>274</v>
      </c>
      <c r="C100" t="s">
        <v>275</v>
      </c>
      <c r="D100" t="s">
        <v>276</v>
      </c>
      <c r="E100">
        <v>4</v>
      </c>
    </row>
    <row r="101" spans="1:5" x14ac:dyDescent="0.25">
      <c r="A101" t="s">
        <v>257</v>
      </c>
      <c r="B101" t="s">
        <v>272</v>
      </c>
      <c r="C101" t="s">
        <v>273</v>
      </c>
      <c r="D101" t="s">
        <v>46</v>
      </c>
      <c r="E101">
        <v>5</v>
      </c>
    </row>
    <row r="102" spans="1:5" x14ac:dyDescent="0.25">
      <c r="A102" t="s">
        <v>257</v>
      </c>
      <c r="B102" t="s">
        <v>267</v>
      </c>
      <c r="C102" t="s">
        <v>268</v>
      </c>
      <c r="D102" t="s">
        <v>154</v>
      </c>
      <c r="E102">
        <v>6</v>
      </c>
    </row>
    <row r="103" spans="1:5" x14ac:dyDescent="0.25">
      <c r="A103" t="s">
        <v>257</v>
      </c>
      <c r="B103" t="s">
        <v>265</v>
      </c>
      <c r="C103" t="s">
        <v>266</v>
      </c>
      <c r="D103" t="s">
        <v>32</v>
      </c>
      <c r="E103">
        <v>7</v>
      </c>
    </row>
    <row r="104" spans="1:5" x14ac:dyDescent="0.25">
      <c r="A104" t="s">
        <v>257</v>
      </c>
      <c r="B104" t="s">
        <v>75</v>
      </c>
      <c r="C104" t="s">
        <v>277</v>
      </c>
      <c r="D104" t="s">
        <v>48</v>
      </c>
      <c r="E104">
        <v>8</v>
      </c>
    </row>
    <row r="105" spans="1:5" x14ac:dyDescent="0.25">
      <c r="A105" t="s">
        <v>257</v>
      </c>
      <c r="B105" t="s">
        <v>261</v>
      </c>
      <c r="C105" t="s">
        <v>262</v>
      </c>
      <c r="D105" t="s">
        <v>28</v>
      </c>
      <c r="E105">
        <v>9</v>
      </c>
    </row>
    <row r="106" spans="1:5" x14ac:dyDescent="0.25">
      <c r="A106" t="s">
        <v>257</v>
      </c>
      <c r="B106" t="s">
        <v>269</v>
      </c>
      <c r="C106" t="s">
        <v>270</v>
      </c>
      <c r="D106" t="s">
        <v>102</v>
      </c>
      <c r="E106">
        <v>10</v>
      </c>
    </row>
    <row r="107" spans="1:5" x14ac:dyDescent="0.25">
      <c r="A107" t="s">
        <v>287</v>
      </c>
      <c r="B107" t="s">
        <v>295</v>
      </c>
      <c r="C107" t="s">
        <v>296</v>
      </c>
      <c r="D107" t="s">
        <v>46</v>
      </c>
      <c r="E107">
        <v>1</v>
      </c>
    </row>
    <row r="108" spans="1:5" x14ac:dyDescent="0.25">
      <c r="A108" t="s">
        <v>287</v>
      </c>
      <c r="B108" t="s">
        <v>293</v>
      </c>
      <c r="C108" t="s">
        <v>294</v>
      </c>
      <c r="D108" t="s">
        <v>102</v>
      </c>
      <c r="E108">
        <v>2</v>
      </c>
    </row>
    <row r="109" spans="1:5" x14ac:dyDescent="0.25">
      <c r="A109" t="s">
        <v>287</v>
      </c>
      <c r="B109" t="s">
        <v>184</v>
      </c>
      <c r="C109" t="s">
        <v>301</v>
      </c>
      <c r="D109" t="s">
        <v>52</v>
      </c>
      <c r="E109">
        <v>3</v>
      </c>
    </row>
    <row r="110" spans="1:5" x14ac:dyDescent="0.25">
      <c r="A110" t="s">
        <v>287</v>
      </c>
      <c r="B110" t="s">
        <v>298</v>
      </c>
      <c r="C110" t="s">
        <v>299</v>
      </c>
      <c r="D110" t="s">
        <v>122</v>
      </c>
      <c r="E110">
        <v>4</v>
      </c>
    </row>
    <row r="111" spans="1:5" x14ac:dyDescent="0.25">
      <c r="A111" t="s">
        <v>287</v>
      </c>
      <c r="B111" t="s">
        <v>303</v>
      </c>
      <c r="C111" t="s">
        <v>302</v>
      </c>
      <c r="D111" t="s">
        <v>198</v>
      </c>
      <c r="E111">
        <v>5</v>
      </c>
    </row>
    <row r="112" spans="1:5" x14ac:dyDescent="0.25">
      <c r="A112" t="s">
        <v>287</v>
      </c>
      <c r="B112" t="s">
        <v>305</v>
      </c>
      <c r="C112" t="s">
        <v>65</v>
      </c>
      <c r="D112" t="s">
        <v>256</v>
      </c>
      <c r="E112">
        <v>6</v>
      </c>
    </row>
    <row r="113" spans="1:6" x14ac:dyDescent="0.25">
      <c r="A113" t="s">
        <v>287</v>
      </c>
      <c r="B113" t="s">
        <v>288</v>
      </c>
      <c r="C113" t="s">
        <v>289</v>
      </c>
      <c r="D113" t="s">
        <v>171</v>
      </c>
      <c r="E113">
        <v>7</v>
      </c>
    </row>
    <row r="114" spans="1:6" x14ac:dyDescent="0.25">
      <c r="A114" t="s">
        <v>287</v>
      </c>
      <c r="B114" t="s">
        <v>283</v>
      </c>
      <c r="C114" t="s">
        <v>297</v>
      </c>
      <c r="D114" t="s">
        <v>108</v>
      </c>
      <c r="E114">
        <v>8</v>
      </c>
    </row>
    <row r="115" spans="1:6" x14ac:dyDescent="0.25">
      <c r="A115" t="s">
        <v>287</v>
      </c>
      <c r="B115" t="s">
        <v>121</v>
      </c>
      <c r="C115" t="s">
        <v>291</v>
      </c>
      <c r="D115" t="s">
        <v>232</v>
      </c>
      <c r="E115">
        <v>9</v>
      </c>
    </row>
    <row r="116" spans="1:6" x14ac:dyDescent="0.25">
      <c r="A116" t="s">
        <v>287</v>
      </c>
      <c r="B116" t="s">
        <v>19</v>
      </c>
      <c r="C116" t="s">
        <v>304</v>
      </c>
      <c r="D116" t="s">
        <v>128</v>
      </c>
      <c r="E116">
        <v>10</v>
      </c>
    </row>
    <row r="117" spans="1:6" x14ac:dyDescent="0.25">
      <c r="A117" t="s">
        <v>306</v>
      </c>
      <c r="B117" t="s">
        <v>319</v>
      </c>
      <c r="D117" t="s">
        <v>215</v>
      </c>
      <c r="E117">
        <v>1</v>
      </c>
    </row>
    <row r="118" spans="1:6" x14ac:dyDescent="0.25">
      <c r="A118" t="s">
        <v>306</v>
      </c>
      <c r="B118" t="s">
        <v>315</v>
      </c>
      <c r="D118" t="s">
        <v>316</v>
      </c>
      <c r="E118">
        <v>2</v>
      </c>
    </row>
    <row r="119" spans="1:6" x14ac:dyDescent="0.25">
      <c r="A119" t="s">
        <v>306</v>
      </c>
      <c r="B119" t="s">
        <v>317</v>
      </c>
      <c r="D119" t="s">
        <v>316</v>
      </c>
      <c r="E119">
        <v>3</v>
      </c>
    </row>
    <row r="120" spans="1:6" x14ac:dyDescent="0.25">
      <c r="A120" t="s">
        <v>306</v>
      </c>
      <c r="B120" t="s">
        <v>313</v>
      </c>
      <c r="D120" t="s">
        <v>111</v>
      </c>
      <c r="E120">
        <v>4</v>
      </c>
    </row>
    <row r="121" spans="1:6" x14ac:dyDescent="0.25">
      <c r="A121" t="s">
        <v>306</v>
      </c>
      <c r="B121" t="s">
        <v>309</v>
      </c>
      <c r="D121" t="s">
        <v>25</v>
      </c>
      <c r="E121">
        <v>5</v>
      </c>
    </row>
    <row r="122" spans="1:6" x14ac:dyDescent="0.25">
      <c r="A122" t="s">
        <v>306</v>
      </c>
      <c r="B122" t="s">
        <v>307</v>
      </c>
      <c r="D122" t="s">
        <v>94</v>
      </c>
      <c r="E122">
        <v>6</v>
      </c>
    </row>
    <row r="123" spans="1:6" x14ac:dyDescent="0.25">
      <c r="A123" t="s">
        <v>306</v>
      </c>
      <c r="B123" t="s">
        <v>320</v>
      </c>
      <c r="D123" t="s">
        <v>221</v>
      </c>
      <c r="E123">
        <v>7</v>
      </c>
    </row>
    <row r="124" spans="1:6" x14ac:dyDescent="0.25">
      <c r="A124" t="s">
        <v>306</v>
      </c>
      <c r="B124" t="s">
        <v>311</v>
      </c>
      <c r="D124" t="s">
        <v>102</v>
      </c>
      <c r="E124">
        <v>8</v>
      </c>
    </row>
    <row r="125" spans="1:6" x14ac:dyDescent="0.25">
      <c r="A125" t="s">
        <v>306</v>
      </c>
      <c r="B125" t="s">
        <v>312</v>
      </c>
      <c r="D125" t="s">
        <v>111</v>
      </c>
      <c r="E125">
        <v>9</v>
      </c>
    </row>
    <row r="126" spans="1:6" x14ac:dyDescent="0.25">
      <c r="A126" t="s">
        <v>306</v>
      </c>
      <c r="B126" t="s">
        <v>318</v>
      </c>
      <c r="D126" t="s">
        <v>122</v>
      </c>
      <c r="E126">
        <v>10</v>
      </c>
    </row>
    <row r="127" spans="1:6" x14ac:dyDescent="0.25">
      <c r="A127" t="s">
        <v>321</v>
      </c>
      <c r="B127" t="s">
        <v>323</v>
      </c>
      <c r="D127" t="s">
        <v>324</v>
      </c>
      <c r="E127">
        <v>1</v>
      </c>
      <c r="F127">
        <v>1</v>
      </c>
    </row>
    <row r="128" spans="1:6" x14ac:dyDescent="0.25">
      <c r="A128" t="s">
        <v>321</v>
      </c>
      <c r="B128" t="s">
        <v>325</v>
      </c>
      <c r="D128" t="s">
        <v>102</v>
      </c>
      <c r="E128">
        <v>4</v>
      </c>
      <c r="F128">
        <v>2</v>
      </c>
    </row>
    <row r="129" spans="1:6" x14ac:dyDescent="0.25">
      <c r="A129" t="s">
        <v>321</v>
      </c>
      <c r="B129" t="s">
        <v>333</v>
      </c>
      <c r="D129" t="s">
        <v>215</v>
      </c>
      <c r="F129">
        <v>3</v>
      </c>
    </row>
    <row r="130" spans="1:6" x14ac:dyDescent="0.25">
      <c r="A130" t="s">
        <v>321</v>
      </c>
      <c r="B130" t="s">
        <v>334</v>
      </c>
      <c r="D130" t="s">
        <v>221</v>
      </c>
      <c r="E130">
        <v>5</v>
      </c>
      <c r="F130">
        <v>4</v>
      </c>
    </row>
    <row r="131" spans="1:6" x14ac:dyDescent="0.25">
      <c r="A131" t="s">
        <v>321</v>
      </c>
      <c r="B131" t="s">
        <v>335</v>
      </c>
      <c r="D131" t="s">
        <v>12</v>
      </c>
      <c r="E131">
        <v>2</v>
      </c>
      <c r="F131">
        <v>5</v>
      </c>
    </row>
    <row r="132" spans="1:6" x14ac:dyDescent="0.25">
      <c r="A132" t="s">
        <v>321</v>
      </c>
      <c r="B132" t="s">
        <v>328</v>
      </c>
      <c r="D132" t="s">
        <v>329</v>
      </c>
      <c r="F132">
        <v>6</v>
      </c>
    </row>
    <row r="133" spans="1:6" x14ac:dyDescent="0.25">
      <c r="A133" t="s">
        <v>321</v>
      </c>
      <c r="B133" t="s">
        <v>322</v>
      </c>
      <c r="D133" t="s">
        <v>66</v>
      </c>
      <c r="E133">
        <v>3</v>
      </c>
      <c r="F133">
        <v>7</v>
      </c>
    </row>
    <row r="134" spans="1:6" x14ac:dyDescent="0.25">
      <c r="A134" t="s">
        <v>321</v>
      </c>
      <c r="B134" t="s">
        <v>332</v>
      </c>
      <c r="D134" t="s">
        <v>237</v>
      </c>
      <c r="E134">
        <v>6</v>
      </c>
      <c r="F134">
        <v>8</v>
      </c>
    </row>
    <row r="135" spans="1:6" x14ac:dyDescent="0.25">
      <c r="A135" t="s">
        <v>321</v>
      </c>
      <c r="B135" t="s">
        <v>331</v>
      </c>
      <c r="D135" t="s">
        <v>122</v>
      </c>
      <c r="F135">
        <v>9</v>
      </c>
    </row>
    <row r="136" spans="1:6" x14ac:dyDescent="0.25">
      <c r="A136" t="s">
        <v>321</v>
      </c>
      <c r="B136" t="s">
        <v>327</v>
      </c>
      <c r="D136" t="s">
        <v>108</v>
      </c>
      <c r="F136">
        <v>10</v>
      </c>
    </row>
    <row r="137" spans="1:6" x14ac:dyDescent="0.25">
      <c r="A137" s="1" t="s">
        <v>321</v>
      </c>
      <c r="B137" s="1" t="s">
        <v>326</v>
      </c>
      <c r="C137" s="1"/>
      <c r="D137" s="1" t="s">
        <v>108</v>
      </c>
      <c r="E137" s="1">
        <v>10</v>
      </c>
      <c r="F137" s="1">
        <v>11</v>
      </c>
    </row>
    <row r="138" spans="1:6" x14ac:dyDescent="0.25">
      <c r="A138" t="s">
        <v>336</v>
      </c>
      <c r="B138" t="s">
        <v>343</v>
      </c>
      <c r="C138" t="s">
        <v>344</v>
      </c>
      <c r="D138" t="s">
        <v>122</v>
      </c>
      <c r="E138">
        <v>1</v>
      </c>
    </row>
    <row r="139" spans="1:6" x14ac:dyDescent="0.25">
      <c r="A139" t="s">
        <v>336</v>
      </c>
      <c r="B139" t="s">
        <v>345</v>
      </c>
      <c r="C139" t="s">
        <v>346</v>
      </c>
      <c r="D139" t="s">
        <v>122</v>
      </c>
      <c r="E139">
        <v>2</v>
      </c>
    </row>
    <row r="140" spans="1:6" x14ac:dyDescent="0.25">
      <c r="A140" t="s">
        <v>336</v>
      </c>
      <c r="B140" t="s">
        <v>350</v>
      </c>
      <c r="C140" t="s">
        <v>351</v>
      </c>
      <c r="D140" t="s">
        <v>128</v>
      </c>
      <c r="E140">
        <v>3</v>
      </c>
    </row>
    <row r="141" spans="1:6" x14ac:dyDescent="0.25">
      <c r="A141" t="s">
        <v>336</v>
      </c>
      <c r="B141" t="s">
        <v>341</v>
      </c>
      <c r="C141" t="s">
        <v>342</v>
      </c>
      <c r="D141" t="s">
        <v>195</v>
      </c>
      <c r="E141">
        <v>4</v>
      </c>
    </row>
    <row r="142" spans="1:6" x14ac:dyDescent="0.25">
      <c r="A142" t="s">
        <v>336</v>
      </c>
      <c r="B142" t="s">
        <v>274</v>
      </c>
      <c r="C142" t="s">
        <v>354</v>
      </c>
      <c r="D142" t="s">
        <v>56</v>
      </c>
      <c r="E142">
        <v>5</v>
      </c>
    </row>
    <row r="143" spans="1:6" x14ac:dyDescent="0.25">
      <c r="A143" t="s">
        <v>336</v>
      </c>
      <c r="B143" t="s">
        <v>337</v>
      </c>
      <c r="C143" t="s">
        <v>338</v>
      </c>
      <c r="D143" t="s">
        <v>18</v>
      </c>
      <c r="E143">
        <v>6</v>
      </c>
    </row>
    <row r="144" spans="1:6" x14ac:dyDescent="0.25">
      <c r="A144" t="s">
        <v>336</v>
      </c>
      <c r="B144" t="s">
        <v>339</v>
      </c>
      <c r="C144" t="s">
        <v>340</v>
      </c>
      <c r="D144" t="s">
        <v>97</v>
      </c>
      <c r="E144">
        <v>7</v>
      </c>
    </row>
    <row r="145" spans="1:5" x14ac:dyDescent="0.25">
      <c r="A145" t="s">
        <v>336</v>
      </c>
      <c r="B145" t="s">
        <v>356</v>
      </c>
      <c r="C145" t="s">
        <v>357</v>
      </c>
      <c r="D145" t="s">
        <v>358</v>
      </c>
      <c r="E145">
        <v>8</v>
      </c>
    </row>
    <row r="146" spans="1:5" x14ac:dyDescent="0.25">
      <c r="A146" t="s">
        <v>336</v>
      </c>
      <c r="B146" t="s">
        <v>352</v>
      </c>
      <c r="C146" t="s">
        <v>353</v>
      </c>
      <c r="D146" t="s">
        <v>200</v>
      </c>
      <c r="E146">
        <v>9</v>
      </c>
    </row>
    <row r="147" spans="1:5" x14ac:dyDescent="0.25">
      <c r="A147" t="s">
        <v>336</v>
      </c>
      <c r="B147" t="s">
        <v>348</v>
      </c>
      <c r="C147" t="s">
        <v>349</v>
      </c>
      <c r="D147" t="s">
        <v>128</v>
      </c>
      <c r="E147">
        <v>10</v>
      </c>
    </row>
    <row r="148" spans="1:5" x14ac:dyDescent="0.25">
      <c r="A148" t="s">
        <v>359</v>
      </c>
      <c r="B148" t="s">
        <v>19</v>
      </c>
      <c r="C148" t="s">
        <v>365</v>
      </c>
      <c r="D148" t="s">
        <v>182</v>
      </c>
      <c r="E148">
        <v>1</v>
      </c>
    </row>
    <row r="149" spans="1:5" x14ac:dyDescent="0.25">
      <c r="A149" t="s">
        <v>359</v>
      </c>
      <c r="B149" t="s">
        <v>176</v>
      </c>
      <c r="C149" t="s">
        <v>366</v>
      </c>
      <c r="D149" t="s">
        <v>40</v>
      </c>
      <c r="E149">
        <v>2</v>
      </c>
    </row>
    <row r="150" spans="1:5" x14ac:dyDescent="0.25">
      <c r="A150" t="s">
        <v>359</v>
      </c>
      <c r="B150" t="s">
        <v>371</v>
      </c>
      <c r="C150" t="s">
        <v>372</v>
      </c>
      <c r="D150" t="s">
        <v>120</v>
      </c>
      <c r="E150">
        <v>3</v>
      </c>
    </row>
    <row r="151" spans="1:5" x14ac:dyDescent="0.25">
      <c r="A151" t="s">
        <v>359</v>
      </c>
      <c r="B151" t="s">
        <v>360</v>
      </c>
      <c r="C151" t="s">
        <v>361</v>
      </c>
      <c r="D151" t="s">
        <v>174</v>
      </c>
      <c r="E151">
        <v>4</v>
      </c>
    </row>
    <row r="152" spans="1:5" x14ac:dyDescent="0.25">
      <c r="A152" t="s">
        <v>359</v>
      </c>
      <c r="B152" t="s">
        <v>367</v>
      </c>
      <c r="C152" t="s">
        <v>368</v>
      </c>
      <c r="D152" t="s">
        <v>189</v>
      </c>
      <c r="E152">
        <v>5</v>
      </c>
    </row>
    <row r="153" spans="1:5" x14ac:dyDescent="0.25">
      <c r="A153" t="s">
        <v>359</v>
      </c>
      <c r="B153" t="s">
        <v>382</v>
      </c>
      <c r="C153" t="s">
        <v>383</v>
      </c>
      <c r="D153" t="s">
        <v>165</v>
      </c>
      <c r="E153">
        <v>6</v>
      </c>
    </row>
    <row r="154" spans="1:5" x14ac:dyDescent="0.25">
      <c r="A154" t="s">
        <v>359</v>
      </c>
      <c r="B154" t="s">
        <v>362</v>
      </c>
      <c r="C154" t="s">
        <v>363</v>
      </c>
      <c r="D154" t="s">
        <v>364</v>
      </c>
      <c r="E154">
        <v>7</v>
      </c>
    </row>
    <row r="155" spans="1:5" x14ac:dyDescent="0.25">
      <c r="A155" t="s">
        <v>359</v>
      </c>
      <c r="B155" t="s">
        <v>373</v>
      </c>
      <c r="C155" t="s">
        <v>374</v>
      </c>
      <c r="D155" t="s">
        <v>330</v>
      </c>
      <c r="E155">
        <v>8</v>
      </c>
    </row>
    <row r="156" spans="1:5" x14ac:dyDescent="0.25">
      <c r="A156" t="s">
        <v>359</v>
      </c>
      <c r="B156" t="s">
        <v>375</v>
      </c>
      <c r="C156" t="s">
        <v>376</v>
      </c>
      <c r="D156" t="s">
        <v>377</v>
      </c>
      <c r="E156">
        <v>9</v>
      </c>
    </row>
    <row r="157" spans="1:5" x14ac:dyDescent="0.25">
      <c r="A157" t="s">
        <v>359</v>
      </c>
      <c r="B157" t="s">
        <v>378</v>
      </c>
      <c r="C157" t="s">
        <v>379</v>
      </c>
      <c r="D157" t="s">
        <v>238</v>
      </c>
      <c r="E157">
        <v>10</v>
      </c>
    </row>
    <row r="158" spans="1:5" x14ac:dyDescent="0.25">
      <c r="A158" t="s">
        <v>384</v>
      </c>
      <c r="B158" t="s">
        <v>394</v>
      </c>
      <c r="D158" t="s">
        <v>395</v>
      </c>
      <c r="E158">
        <v>1</v>
      </c>
    </row>
    <row r="159" spans="1:5" x14ac:dyDescent="0.25">
      <c r="A159" t="s">
        <v>384</v>
      </c>
      <c r="B159" t="s">
        <v>402</v>
      </c>
      <c r="D159" t="s">
        <v>58</v>
      </c>
      <c r="E159">
        <v>2</v>
      </c>
    </row>
    <row r="160" spans="1:5" x14ac:dyDescent="0.25">
      <c r="A160" t="s">
        <v>384</v>
      </c>
      <c r="B160" t="s">
        <v>400</v>
      </c>
      <c r="D160" t="s">
        <v>238</v>
      </c>
      <c r="E160">
        <v>3</v>
      </c>
    </row>
    <row r="161" spans="1:5" x14ac:dyDescent="0.25">
      <c r="A161" t="s">
        <v>384</v>
      </c>
      <c r="B161" t="s">
        <v>389</v>
      </c>
      <c r="D161" t="s">
        <v>111</v>
      </c>
      <c r="E161">
        <v>4</v>
      </c>
    </row>
    <row r="162" spans="1:5" x14ac:dyDescent="0.25">
      <c r="A162" t="s">
        <v>384</v>
      </c>
      <c r="B162" t="s">
        <v>385</v>
      </c>
      <c r="D162" t="s">
        <v>15</v>
      </c>
      <c r="E162">
        <v>5</v>
      </c>
    </row>
    <row r="163" spans="1:5" x14ac:dyDescent="0.25">
      <c r="A163" t="s">
        <v>384</v>
      </c>
      <c r="B163" t="s">
        <v>398</v>
      </c>
      <c r="D163" t="s">
        <v>399</v>
      </c>
      <c r="E163">
        <v>6</v>
      </c>
    </row>
    <row r="164" spans="1:5" x14ac:dyDescent="0.25">
      <c r="A164" t="s">
        <v>384</v>
      </c>
      <c r="B164" t="s">
        <v>392</v>
      </c>
      <c r="D164" t="s">
        <v>393</v>
      </c>
      <c r="E164">
        <v>7</v>
      </c>
    </row>
    <row r="165" spans="1:5" x14ac:dyDescent="0.25">
      <c r="A165" t="s">
        <v>384</v>
      </c>
      <c r="B165" t="s">
        <v>386</v>
      </c>
      <c r="D165" t="s">
        <v>94</v>
      </c>
      <c r="E165">
        <v>8</v>
      </c>
    </row>
    <row r="166" spans="1:5" x14ac:dyDescent="0.25">
      <c r="A166" t="s">
        <v>384</v>
      </c>
      <c r="B166" t="s">
        <v>391</v>
      </c>
      <c r="D166" t="s">
        <v>113</v>
      </c>
      <c r="E166">
        <v>9</v>
      </c>
    </row>
    <row r="167" spans="1:5" x14ac:dyDescent="0.25">
      <c r="A167" t="s">
        <v>384</v>
      </c>
      <c r="B167" t="s">
        <v>396</v>
      </c>
      <c r="D167" t="s">
        <v>48</v>
      </c>
      <c r="E167">
        <v>10</v>
      </c>
    </row>
    <row r="168" spans="1:5" x14ac:dyDescent="0.25">
      <c r="A168" t="s">
        <v>414</v>
      </c>
      <c r="B168" t="s">
        <v>429</v>
      </c>
      <c r="D168" t="s">
        <v>238</v>
      </c>
      <c r="E168">
        <v>1</v>
      </c>
    </row>
    <row r="169" spans="1:5" x14ac:dyDescent="0.25">
      <c r="A169" t="s">
        <v>414</v>
      </c>
      <c r="B169" t="s">
        <v>418</v>
      </c>
      <c r="D169" t="s">
        <v>46</v>
      </c>
      <c r="E169">
        <v>2</v>
      </c>
    </row>
    <row r="170" spans="1:5" x14ac:dyDescent="0.25">
      <c r="A170" t="s">
        <v>414</v>
      </c>
      <c r="B170" t="s">
        <v>421</v>
      </c>
      <c r="D170" t="s">
        <v>420</v>
      </c>
      <c r="E170">
        <v>3</v>
      </c>
    </row>
    <row r="171" spans="1:5" x14ac:dyDescent="0.25">
      <c r="A171" t="s">
        <v>414</v>
      </c>
      <c r="B171" t="s">
        <v>422</v>
      </c>
      <c r="D171" t="s">
        <v>276</v>
      </c>
      <c r="E171">
        <v>4</v>
      </c>
    </row>
    <row r="172" spans="1:5" x14ac:dyDescent="0.25">
      <c r="A172" t="s">
        <v>414</v>
      </c>
      <c r="B172" t="s">
        <v>415</v>
      </c>
      <c r="D172" t="s">
        <v>171</v>
      </c>
      <c r="E172">
        <v>5</v>
      </c>
    </row>
    <row r="173" spans="1:5" x14ac:dyDescent="0.25">
      <c r="A173" t="s">
        <v>414</v>
      </c>
      <c r="B173" t="s">
        <v>416</v>
      </c>
      <c r="D173" t="s">
        <v>94</v>
      </c>
      <c r="E173">
        <v>6</v>
      </c>
    </row>
    <row r="174" spans="1:5" x14ac:dyDescent="0.25">
      <c r="A174" t="s">
        <v>414</v>
      </c>
      <c r="B174" t="s">
        <v>425</v>
      </c>
      <c r="D174" t="s">
        <v>117</v>
      </c>
      <c r="E174">
        <v>7</v>
      </c>
    </row>
    <row r="175" spans="1:5" x14ac:dyDescent="0.25">
      <c r="A175" t="s">
        <v>414</v>
      </c>
      <c r="B175" t="s">
        <v>427</v>
      </c>
      <c r="D175" t="s">
        <v>279</v>
      </c>
      <c r="E175">
        <v>8</v>
      </c>
    </row>
    <row r="176" spans="1:5" x14ac:dyDescent="0.25">
      <c r="A176" t="s">
        <v>414</v>
      </c>
      <c r="B176" t="s">
        <v>428</v>
      </c>
      <c r="D176" t="s">
        <v>238</v>
      </c>
      <c r="E176">
        <v>9</v>
      </c>
    </row>
    <row r="177" spans="1:5" x14ac:dyDescent="0.25">
      <c r="A177" t="s">
        <v>414</v>
      </c>
      <c r="B177" t="s">
        <v>423</v>
      </c>
      <c r="D177" t="s">
        <v>424</v>
      </c>
      <c r="E177">
        <v>10</v>
      </c>
    </row>
    <row r="178" spans="1:5" x14ac:dyDescent="0.25">
      <c r="A178" t="s">
        <v>430</v>
      </c>
      <c r="B178" t="s">
        <v>186</v>
      </c>
      <c r="C178" t="s">
        <v>449</v>
      </c>
      <c r="D178" t="s">
        <v>286</v>
      </c>
      <c r="E178">
        <v>1</v>
      </c>
    </row>
    <row r="179" spans="1:5" x14ac:dyDescent="0.25">
      <c r="A179" t="s">
        <v>430</v>
      </c>
      <c r="B179" t="s">
        <v>167</v>
      </c>
      <c r="C179" t="s">
        <v>433</v>
      </c>
      <c r="D179" t="s">
        <v>97</v>
      </c>
      <c r="E179">
        <v>2</v>
      </c>
    </row>
    <row r="180" spans="1:5" x14ac:dyDescent="0.25">
      <c r="A180" t="s">
        <v>430</v>
      </c>
      <c r="B180" t="s">
        <v>440</v>
      </c>
      <c r="C180" t="s">
        <v>441</v>
      </c>
      <c r="D180" t="s">
        <v>46</v>
      </c>
      <c r="E180">
        <v>3</v>
      </c>
    </row>
    <row r="181" spans="1:5" x14ac:dyDescent="0.25">
      <c r="A181" t="s">
        <v>430</v>
      </c>
      <c r="B181" t="s">
        <v>446</v>
      </c>
      <c r="C181" t="s">
        <v>370</v>
      </c>
      <c r="D181" t="s">
        <v>447</v>
      </c>
      <c r="E181">
        <v>4</v>
      </c>
    </row>
    <row r="182" spans="1:5" x14ac:dyDescent="0.25">
      <c r="A182" t="s">
        <v>430</v>
      </c>
      <c r="B182" t="s">
        <v>446</v>
      </c>
      <c r="C182" t="s">
        <v>448</v>
      </c>
      <c r="D182" t="s">
        <v>129</v>
      </c>
      <c r="E182">
        <v>5</v>
      </c>
    </row>
    <row r="183" spans="1:5" x14ac:dyDescent="0.25">
      <c r="A183" t="s">
        <v>430</v>
      </c>
      <c r="B183" t="s">
        <v>57</v>
      </c>
      <c r="C183" t="s">
        <v>432</v>
      </c>
      <c r="D183" t="s">
        <v>6</v>
      </c>
      <c r="E183">
        <v>6</v>
      </c>
    </row>
    <row r="184" spans="1:5" x14ac:dyDescent="0.25">
      <c r="A184" t="s">
        <v>430</v>
      </c>
      <c r="B184" t="s">
        <v>434</v>
      </c>
      <c r="C184" t="s">
        <v>435</v>
      </c>
      <c r="D184" t="s">
        <v>174</v>
      </c>
      <c r="E184">
        <v>6</v>
      </c>
    </row>
    <row r="185" spans="1:5" x14ac:dyDescent="0.25">
      <c r="A185" t="s">
        <v>430</v>
      </c>
      <c r="B185" t="s">
        <v>436</v>
      </c>
      <c r="C185" t="s">
        <v>437</v>
      </c>
      <c r="D185" t="s">
        <v>324</v>
      </c>
      <c r="E185">
        <v>6</v>
      </c>
    </row>
    <row r="186" spans="1:5" x14ac:dyDescent="0.25">
      <c r="A186" t="s">
        <v>430</v>
      </c>
      <c r="B186" t="s">
        <v>442</v>
      </c>
      <c r="C186" t="s">
        <v>443</v>
      </c>
      <c r="D186" t="s">
        <v>142</v>
      </c>
      <c r="E186">
        <v>7</v>
      </c>
    </row>
    <row r="187" spans="1:5" x14ac:dyDescent="0.25">
      <c r="A187" t="s">
        <v>430</v>
      </c>
      <c r="B187" t="s">
        <v>444</v>
      </c>
      <c r="C187" t="s">
        <v>445</v>
      </c>
      <c r="D187" t="s">
        <v>160</v>
      </c>
      <c r="E187">
        <v>8</v>
      </c>
    </row>
    <row r="188" spans="1:5" x14ac:dyDescent="0.25">
      <c r="A188" t="s">
        <v>451</v>
      </c>
      <c r="B188" t="s">
        <v>355</v>
      </c>
      <c r="C188" t="s">
        <v>454</v>
      </c>
      <c r="D188" t="s">
        <v>40</v>
      </c>
      <c r="E188">
        <v>1</v>
      </c>
    </row>
    <row r="189" spans="1:5" x14ac:dyDescent="0.25">
      <c r="A189" t="s">
        <v>451</v>
      </c>
      <c r="B189" t="s">
        <v>20</v>
      </c>
      <c r="C189" t="s">
        <v>457</v>
      </c>
      <c r="D189" t="s">
        <v>46</v>
      </c>
      <c r="E189">
        <v>2</v>
      </c>
    </row>
    <row r="190" spans="1:5" x14ac:dyDescent="0.25">
      <c r="A190" t="s">
        <v>451</v>
      </c>
      <c r="B190" t="s">
        <v>463</v>
      </c>
      <c r="C190" t="s">
        <v>464</v>
      </c>
      <c r="D190" t="s">
        <v>162</v>
      </c>
      <c r="E190">
        <v>3</v>
      </c>
    </row>
    <row r="191" spans="1:5" x14ac:dyDescent="0.25">
      <c r="A191" t="s">
        <v>451</v>
      </c>
      <c r="B191" t="s">
        <v>461</v>
      </c>
      <c r="C191" t="s">
        <v>462</v>
      </c>
      <c r="D191" t="s">
        <v>162</v>
      </c>
      <c r="E191">
        <v>4</v>
      </c>
    </row>
    <row r="192" spans="1:5" x14ac:dyDescent="0.25">
      <c r="A192" t="s">
        <v>451</v>
      </c>
      <c r="B192" t="s">
        <v>413</v>
      </c>
      <c r="C192" t="s">
        <v>452</v>
      </c>
      <c r="D192" t="s">
        <v>97</v>
      </c>
      <c r="E192">
        <v>5</v>
      </c>
    </row>
    <row r="193" spans="1:5" x14ac:dyDescent="0.25">
      <c r="A193" t="s">
        <v>451</v>
      </c>
      <c r="B193" t="s">
        <v>300</v>
      </c>
      <c r="C193" t="s">
        <v>458</v>
      </c>
      <c r="D193" t="s">
        <v>276</v>
      </c>
      <c r="E193">
        <v>5</v>
      </c>
    </row>
    <row r="194" spans="1:5" x14ac:dyDescent="0.25">
      <c r="A194" t="s">
        <v>451</v>
      </c>
      <c r="B194" t="s">
        <v>465</v>
      </c>
      <c r="C194" t="s">
        <v>466</v>
      </c>
      <c r="D194" t="s">
        <v>128</v>
      </c>
      <c r="E194">
        <v>5</v>
      </c>
    </row>
    <row r="195" spans="1:5" x14ac:dyDescent="0.25">
      <c r="A195" t="s">
        <v>451</v>
      </c>
      <c r="B195" t="s">
        <v>188</v>
      </c>
      <c r="C195" t="s">
        <v>455</v>
      </c>
      <c r="D195" t="s">
        <v>456</v>
      </c>
      <c r="E195">
        <v>6</v>
      </c>
    </row>
    <row r="196" spans="1:5" x14ac:dyDescent="0.25">
      <c r="A196" t="s">
        <v>451</v>
      </c>
      <c r="B196" t="s">
        <v>459</v>
      </c>
      <c r="C196" t="s">
        <v>460</v>
      </c>
      <c r="D196" t="s">
        <v>237</v>
      </c>
      <c r="E196">
        <v>7</v>
      </c>
    </row>
    <row r="197" spans="1:5" x14ac:dyDescent="0.25">
      <c r="A197" t="s">
        <v>451</v>
      </c>
      <c r="B197" t="s">
        <v>468</v>
      </c>
      <c r="C197" t="s">
        <v>469</v>
      </c>
      <c r="D197" t="s">
        <v>12</v>
      </c>
      <c r="E197">
        <v>8</v>
      </c>
    </row>
    <row r="198" spans="1:5" x14ac:dyDescent="0.25">
      <c r="A198" t="s">
        <v>472</v>
      </c>
      <c r="B198" t="s">
        <v>475</v>
      </c>
      <c r="D198" t="s">
        <v>162</v>
      </c>
      <c r="E198">
        <v>1</v>
      </c>
    </row>
    <row r="199" spans="1:5" x14ac:dyDescent="0.25">
      <c r="A199" t="s">
        <v>472</v>
      </c>
      <c r="B199" t="s">
        <v>473</v>
      </c>
      <c r="D199" t="s">
        <v>97</v>
      </c>
      <c r="E199">
        <v>2</v>
      </c>
    </row>
    <row r="200" spans="1:5" x14ac:dyDescent="0.25">
      <c r="A200" t="s">
        <v>472</v>
      </c>
      <c r="B200" t="s">
        <v>474</v>
      </c>
      <c r="D200" t="s">
        <v>447</v>
      </c>
      <c r="E200">
        <v>3</v>
      </c>
    </row>
    <row r="201" spans="1:5" x14ac:dyDescent="0.25">
      <c r="A201" t="s">
        <v>476</v>
      </c>
      <c r="B201" t="s">
        <v>482</v>
      </c>
      <c r="D201" t="s">
        <v>113</v>
      </c>
      <c r="E201">
        <v>1</v>
      </c>
    </row>
    <row r="202" spans="1:5" x14ac:dyDescent="0.25">
      <c r="A202" t="s">
        <v>476</v>
      </c>
      <c r="B202" t="s">
        <v>479</v>
      </c>
      <c r="D202" t="s">
        <v>66</v>
      </c>
      <c r="E202">
        <v>2</v>
      </c>
    </row>
    <row r="203" spans="1:5" x14ac:dyDescent="0.25">
      <c r="A203" t="s">
        <v>476</v>
      </c>
      <c r="B203" t="s">
        <v>478</v>
      </c>
      <c r="D203" t="s">
        <v>66</v>
      </c>
      <c r="E203">
        <v>3</v>
      </c>
    </row>
    <row r="204" spans="1:5" x14ac:dyDescent="0.25">
      <c r="A204" t="s">
        <v>476</v>
      </c>
      <c r="B204" t="s">
        <v>486</v>
      </c>
      <c r="D204" t="s">
        <v>52</v>
      </c>
      <c r="E204">
        <v>4</v>
      </c>
    </row>
    <row r="205" spans="1:5" x14ac:dyDescent="0.25">
      <c r="A205" t="s">
        <v>476</v>
      </c>
      <c r="B205" t="s">
        <v>487</v>
      </c>
      <c r="D205" t="s">
        <v>215</v>
      </c>
      <c r="E205">
        <v>5</v>
      </c>
    </row>
    <row r="206" spans="1:5" x14ac:dyDescent="0.25">
      <c r="A206" t="s">
        <v>476</v>
      </c>
      <c r="B206" t="s">
        <v>480</v>
      </c>
      <c r="D206" t="s">
        <v>40</v>
      </c>
      <c r="E206">
        <v>6</v>
      </c>
    </row>
    <row r="207" spans="1:5" x14ac:dyDescent="0.25">
      <c r="A207" t="s">
        <v>476</v>
      </c>
      <c r="B207" t="s">
        <v>484</v>
      </c>
      <c r="D207" t="s">
        <v>485</v>
      </c>
      <c r="E207">
        <v>7</v>
      </c>
    </row>
    <row r="208" spans="1:5" x14ac:dyDescent="0.25">
      <c r="A208" t="s">
        <v>476</v>
      </c>
      <c r="B208" t="s">
        <v>481</v>
      </c>
      <c r="D208" t="s">
        <v>185</v>
      </c>
      <c r="E208">
        <v>8</v>
      </c>
    </row>
    <row r="209" spans="1:5" x14ac:dyDescent="0.25">
      <c r="A209" t="s">
        <v>476</v>
      </c>
      <c r="B209" t="s">
        <v>483</v>
      </c>
      <c r="D209" t="s">
        <v>113</v>
      </c>
      <c r="E209">
        <v>9</v>
      </c>
    </row>
    <row r="210" spans="1:5" x14ac:dyDescent="0.25">
      <c r="A210" t="s">
        <v>476</v>
      </c>
      <c r="B210" t="s">
        <v>477</v>
      </c>
      <c r="D210" t="s">
        <v>417</v>
      </c>
      <c r="E210">
        <v>10</v>
      </c>
    </row>
    <row r="211" spans="1:5" x14ac:dyDescent="0.25">
      <c r="A211" t="s">
        <v>488</v>
      </c>
      <c r="B211" t="s">
        <v>493</v>
      </c>
      <c r="D211" t="s">
        <v>453</v>
      </c>
      <c r="E211">
        <v>1</v>
      </c>
    </row>
    <row r="212" spans="1:5" x14ac:dyDescent="0.25">
      <c r="A212" t="s">
        <v>488</v>
      </c>
      <c r="B212" t="s">
        <v>490</v>
      </c>
      <c r="D212" t="s">
        <v>94</v>
      </c>
      <c r="E212">
        <v>2</v>
      </c>
    </row>
    <row r="213" spans="1:5" x14ac:dyDescent="0.25">
      <c r="A213" t="s">
        <v>488</v>
      </c>
      <c r="B213" t="s">
        <v>497</v>
      </c>
      <c r="D213" t="s">
        <v>117</v>
      </c>
      <c r="E213">
        <v>3</v>
      </c>
    </row>
    <row r="214" spans="1:5" x14ac:dyDescent="0.25">
      <c r="A214" t="s">
        <v>488</v>
      </c>
      <c r="B214" t="s">
        <v>489</v>
      </c>
      <c r="D214" t="s">
        <v>171</v>
      </c>
      <c r="E214">
        <v>4</v>
      </c>
    </row>
    <row r="215" spans="1:5" x14ac:dyDescent="0.25">
      <c r="A215" t="s">
        <v>488</v>
      </c>
      <c r="B215" t="s">
        <v>492</v>
      </c>
      <c r="D215" t="s">
        <v>66</v>
      </c>
      <c r="E215">
        <v>5</v>
      </c>
    </row>
    <row r="216" spans="1:5" x14ac:dyDescent="0.25">
      <c r="A216" t="s">
        <v>488</v>
      </c>
      <c r="B216" t="s">
        <v>494</v>
      </c>
      <c r="D216" t="s">
        <v>111</v>
      </c>
      <c r="E216">
        <v>6</v>
      </c>
    </row>
    <row r="217" spans="1:5" x14ac:dyDescent="0.25">
      <c r="A217" t="s">
        <v>488</v>
      </c>
      <c r="B217" t="s">
        <v>496</v>
      </c>
      <c r="D217" t="s">
        <v>247</v>
      </c>
      <c r="E217">
        <v>7</v>
      </c>
    </row>
    <row r="218" spans="1:5" x14ac:dyDescent="0.25">
      <c r="A218" t="s">
        <v>488</v>
      </c>
      <c r="B218" t="s">
        <v>498</v>
      </c>
      <c r="D218" t="s">
        <v>53</v>
      </c>
      <c r="E218">
        <v>8</v>
      </c>
    </row>
    <row r="219" spans="1:5" x14ac:dyDescent="0.25">
      <c r="A219" t="s">
        <v>488</v>
      </c>
      <c r="B219" t="s">
        <v>495</v>
      </c>
      <c r="D219" t="s">
        <v>420</v>
      </c>
      <c r="E219">
        <v>9</v>
      </c>
    </row>
    <row r="220" spans="1:5" x14ac:dyDescent="0.25">
      <c r="A220" t="s">
        <v>488</v>
      </c>
      <c r="B220" t="s">
        <v>491</v>
      </c>
      <c r="D220" t="s">
        <v>97</v>
      </c>
      <c r="E220">
        <v>10</v>
      </c>
    </row>
    <row r="221" spans="1:5" x14ac:dyDescent="0.25">
      <c r="A221" t="s">
        <v>499</v>
      </c>
      <c r="B221" t="s">
        <v>509</v>
      </c>
      <c r="D221" t="s">
        <v>117</v>
      </c>
      <c r="E221">
        <v>1</v>
      </c>
    </row>
    <row r="222" spans="1:5" x14ac:dyDescent="0.25">
      <c r="A222" t="s">
        <v>499</v>
      </c>
      <c r="B222" t="s">
        <v>505</v>
      </c>
      <c r="D222" t="s">
        <v>506</v>
      </c>
      <c r="E222">
        <v>2</v>
      </c>
    </row>
    <row r="223" spans="1:5" x14ac:dyDescent="0.25">
      <c r="A223" t="s">
        <v>499</v>
      </c>
      <c r="B223" t="s">
        <v>504</v>
      </c>
      <c r="D223" t="s">
        <v>369</v>
      </c>
      <c r="E223">
        <v>3</v>
      </c>
    </row>
    <row r="224" spans="1:5" x14ac:dyDescent="0.25">
      <c r="A224" t="s">
        <v>499</v>
      </c>
      <c r="B224" t="s">
        <v>502</v>
      </c>
      <c r="D224" t="s">
        <v>8</v>
      </c>
      <c r="E224">
        <v>4</v>
      </c>
    </row>
    <row r="225" spans="1:5" x14ac:dyDescent="0.25">
      <c r="A225" t="s">
        <v>499</v>
      </c>
      <c r="B225" t="s">
        <v>503</v>
      </c>
      <c r="D225" t="s">
        <v>111</v>
      </c>
      <c r="E225">
        <v>5</v>
      </c>
    </row>
    <row r="226" spans="1:5" x14ac:dyDescent="0.25">
      <c r="A226" t="s">
        <v>499</v>
      </c>
      <c r="B226" t="s">
        <v>508</v>
      </c>
      <c r="D226" t="s">
        <v>447</v>
      </c>
      <c r="E226">
        <v>6</v>
      </c>
    </row>
    <row r="227" spans="1:5" x14ac:dyDescent="0.25">
      <c r="A227" t="s">
        <v>499</v>
      </c>
      <c r="B227" t="s">
        <v>500</v>
      </c>
      <c r="D227" t="s">
        <v>97</v>
      </c>
      <c r="E227">
        <v>7</v>
      </c>
    </row>
    <row r="228" spans="1:5" x14ac:dyDescent="0.25">
      <c r="A228" t="s">
        <v>499</v>
      </c>
      <c r="B228" t="s">
        <v>507</v>
      </c>
      <c r="D228" t="s">
        <v>506</v>
      </c>
      <c r="E228">
        <v>8</v>
      </c>
    </row>
    <row r="229" spans="1:5" x14ac:dyDescent="0.25">
      <c r="A229" t="s">
        <v>499</v>
      </c>
      <c r="B229" t="s">
        <v>501</v>
      </c>
      <c r="D229" t="s">
        <v>140</v>
      </c>
      <c r="E229">
        <v>9</v>
      </c>
    </row>
    <row r="230" spans="1:5" x14ac:dyDescent="0.25">
      <c r="A230" t="s">
        <v>499</v>
      </c>
      <c r="B230" t="s">
        <v>510</v>
      </c>
      <c r="D230" t="s">
        <v>122</v>
      </c>
      <c r="E230">
        <v>10</v>
      </c>
    </row>
    <row r="231" spans="1:5" x14ac:dyDescent="0.25">
      <c r="A231" t="s">
        <v>511</v>
      </c>
      <c r="B231" t="s">
        <v>514</v>
      </c>
      <c r="D231" t="s">
        <v>8</v>
      </c>
      <c r="E231">
        <v>1</v>
      </c>
    </row>
    <row r="232" spans="1:5" x14ac:dyDescent="0.25">
      <c r="A232" t="s">
        <v>511</v>
      </c>
      <c r="B232" t="s">
        <v>512</v>
      </c>
      <c r="D232" t="s">
        <v>18</v>
      </c>
      <c r="E232">
        <v>2</v>
      </c>
    </row>
    <row r="233" spans="1:5" x14ac:dyDescent="0.25">
      <c r="A233" t="s">
        <v>511</v>
      </c>
      <c r="B233" t="s">
        <v>515</v>
      </c>
      <c r="D233" t="s">
        <v>111</v>
      </c>
      <c r="E233">
        <v>3</v>
      </c>
    </row>
    <row r="234" spans="1:5" x14ac:dyDescent="0.25">
      <c r="A234" t="s">
        <v>511</v>
      </c>
      <c r="B234" t="s">
        <v>520</v>
      </c>
      <c r="D234" t="s">
        <v>122</v>
      </c>
      <c r="E234">
        <v>4</v>
      </c>
    </row>
    <row r="235" spans="1:5" x14ac:dyDescent="0.25">
      <c r="A235" t="s">
        <v>511</v>
      </c>
      <c r="B235" t="s">
        <v>521</v>
      </c>
      <c r="D235" t="s">
        <v>215</v>
      </c>
      <c r="E235">
        <v>5</v>
      </c>
    </row>
    <row r="236" spans="1:5" x14ac:dyDescent="0.25">
      <c r="A236" t="s">
        <v>511</v>
      </c>
      <c r="B236" t="s">
        <v>516</v>
      </c>
      <c r="D236" t="s">
        <v>369</v>
      </c>
      <c r="E236">
        <v>6</v>
      </c>
    </row>
    <row r="237" spans="1:5" x14ac:dyDescent="0.25">
      <c r="A237" t="s">
        <v>511</v>
      </c>
      <c r="B237" t="s">
        <v>518</v>
      </c>
      <c r="D237" t="s">
        <v>519</v>
      </c>
      <c r="E237">
        <v>7</v>
      </c>
    </row>
    <row r="238" spans="1:5" x14ac:dyDescent="0.25">
      <c r="A238" t="s">
        <v>511</v>
      </c>
      <c r="B238" t="s">
        <v>513</v>
      </c>
      <c r="D238" t="s">
        <v>28</v>
      </c>
      <c r="E238">
        <v>8</v>
      </c>
    </row>
    <row r="239" spans="1:5" x14ac:dyDescent="0.25">
      <c r="A239" t="s">
        <v>511</v>
      </c>
      <c r="B239" t="s">
        <v>517</v>
      </c>
      <c r="D239" t="s">
        <v>506</v>
      </c>
      <c r="E239">
        <v>9</v>
      </c>
    </row>
    <row r="240" spans="1:5" x14ac:dyDescent="0.25">
      <c r="A240" t="s">
        <v>511</v>
      </c>
      <c r="B240" t="s">
        <v>522</v>
      </c>
      <c r="D240" t="s">
        <v>53</v>
      </c>
      <c r="E240">
        <v>10</v>
      </c>
    </row>
    <row r="241" spans="1:5" x14ac:dyDescent="0.25">
      <c r="A241" t="s">
        <v>523</v>
      </c>
      <c r="B241" t="s">
        <v>525</v>
      </c>
      <c r="C241" t="s">
        <v>526</v>
      </c>
      <c r="D241" t="s">
        <v>97</v>
      </c>
      <c r="E241">
        <v>1</v>
      </c>
    </row>
    <row r="242" spans="1:5" x14ac:dyDescent="0.25">
      <c r="A242" t="s">
        <v>523</v>
      </c>
      <c r="B242" t="s">
        <v>382</v>
      </c>
      <c r="C242" t="s">
        <v>65</v>
      </c>
      <c r="D242" t="s">
        <v>532</v>
      </c>
      <c r="E242">
        <v>2</v>
      </c>
    </row>
    <row r="243" spans="1:5" x14ac:dyDescent="0.25">
      <c r="A243" t="s">
        <v>523</v>
      </c>
      <c r="B243" t="s">
        <v>290</v>
      </c>
      <c r="C243" t="s">
        <v>539</v>
      </c>
      <c r="D243" t="s">
        <v>198</v>
      </c>
      <c r="E243">
        <v>3</v>
      </c>
    </row>
    <row r="244" spans="1:5" x14ac:dyDescent="0.25">
      <c r="A244" t="s">
        <v>523</v>
      </c>
      <c r="B244" t="s">
        <v>527</v>
      </c>
      <c r="C244" t="s">
        <v>528</v>
      </c>
      <c r="D244" t="s">
        <v>46</v>
      </c>
      <c r="E244">
        <v>4</v>
      </c>
    </row>
    <row r="245" spans="1:5" x14ac:dyDescent="0.25">
      <c r="A245" t="s">
        <v>523</v>
      </c>
      <c r="B245" t="s">
        <v>534</v>
      </c>
      <c r="C245" t="s">
        <v>535</v>
      </c>
      <c r="D245" t="s">
        <v>48</v>
      </c>
      <c r="E245">
        <v>5</v>
      </c>
    </row>
    <row r="246" spans="1:5" x14ac:dyDescent="0.25">
      <c r="A246" t="s">
        <v>523</v>
      </c>
      <c r="B246" t="s">
        <v>343</v>
      </c>
      <c r="C246" t="s">
        <v>533</v>
      </c>
      <c r="D246" t="s">
        <v>395</v>
      </c>
      <c r="E246">
        <v>6</v>
      </c>
    </row>
    <row r="247" spans="1:5" x14ac:dyDescent="0.25">
      <c r="A247" t="s">
        <v>523</v>
      </c>
      <c r="B247" t="s">
        <v>343</v>
      </c>
      <c r="C247" t="s">
        <v>536</v>
      </c>
      <c r="D247" t="s">
        <v>316</v>
      </c>
      <c r="E247">
        <v>7</v>
      </c>
    </row>
    <row r="248" spans="1:5" x14ac:dyDescent="0.25">
      <c r="A248" t="s">
        <v>523</v>
      </c>
      <c r="B248" t="s">
        <v>537</v>
      </c>
      <c r="C248" t="s">
        <v>538</v>
      </c>
      <c r="D248" t="s">
        <v>162</v>
      </c>
      <c r="E248">
        <v>8</v>
      </c>
    </row>
    <row r="249" spans="1:5" x14ac:dyDescent="0.25">
      <c r="A249" t="s">
        <v>523</v>
      </c>
      <c r="B249" t="s">
        <v>280</v>
      </c>
      <c r="C249" t="s">
        <v>531</v>
      </c>
      <c r="D249" t="s">
        <v>276</v>
      </c>
      <c r="E249">
        <v>9</v>
      </c>
    </row>
    <row r="250" spans="1:5" x14ac:dyDescent="0.25">
      <c r="A250" t="s">
        <v>523</v>
      </c>
      <c r="B250" t="s">
        <v>529</v>
      </c>
      <c r="C250" t="s">
        <v>530</v>
      </c>
      <c r="D250" t="s">
        <v>419</v>
      </c>
      <c r="E250">
        <v>10</v>
      </c>
    </row>
    <row r="251" spans="1:5" x14ac:dyDescent="0.25">
      <c r="A251" t="s">
        <v>541</v>
      </c>
      <c r="B251" t="s">
        <v>114</v>
      </c>
      <c r="C251" t="s">
        <v>542</v>
      </c>
      <c r="D251" t="s">
        <v>15</v>
      </c>
      <c r="E251">
        <v>1</v>
      </c>
    </row>
    <row r="252" spans="1:5" x14ac:dyDescent="0.25">
      <c r="A252" t="s">
        <v>541</v>
      </c>
      <c r="B252" t="s">
        <v>556</v>
      </c>
      <c r="C252" t="s">
        <v>557</v>
      </c>
      <c r="D252" t="s">
        <v>53</v>
      </c>
      <c r="E252">
        <v>2</v>
      </c>
    </row>
    <row r="253" spans="1:5" x14ac:dyDescent="0.25">
      <c r="A253" t="s">
        <v>541</v>
      </c>
      <c r="B253" t="s">
        <v>543</v>
      </c>
      <c r="C253" t="s">
        <v>370</v>
      </c>
      <c r="D253" t="s">
        <v>15</v>
      </c>
      <c r="E253">
        <v>3</v>
      </c>
    </row>
    <row r="254" spans="1:5" x14ac:dyDescent="0.25">
      <c r="A254" t="s">
        <v>541</v>
      </c>
      <c r="B254" t="s">
        <v>547</v>
      </c>
      <c r="C254" t="s">
        <v>548</v>
      </c>
      <c r="D254" t="s">
        <v>40</v>
      </c>
      <c r="E254">
        <v>4</v>
      </c>
    </row>
    <row r="255" spans="1:5" x14ac:dyDescent="0.25">
      <c r="A255" t="s">
        <v>541</v>
      </c>
      <c r="B255" t="s">
        <v>540</v>
      </c>
      <c r="C255" t="s">
        <v>549</v>
      </c>
      <c r="D255" t="s">
        <v>111</v>
      </c>
      <c r="E255">
        <v>5</v>
      </c>
    </row>
    <row r="256" spans="1:5" x14ac:dyDescent="0.25">
      <c r="A256" t="s">
        <v>541</v>
      </c>
      <c r="B256" t="s">
        <v>558</v>
      </c>
      <c r="C256" t="s">
        <v>559</v>
      </c>
      <c r="D256" t="s">
        <v>470</v>
      </c>
      <c r="E256">
        <v>6</v>
      </c>
    </row>
    <row r="257" spans="1:5" x14ac:dyDescent="0.25">
      <c r="A257" t="s">
        <v>541</v>
      </c>
      <c r="B257" t="s">
        <v>544</v>
      </c>
      <c r="C257" t="s">
        <v>545</v>
      </c>
      <c r="D257" t="s">
        <v>546</v>
      </c>
      <c r="E257">
        <v>7</v>
      </c>
    </row>
    <row r="258" spans="1:5" x14ac:dyDescent="0.25">
      <c r="A258" t="s">
        <v>541</v>
      </c>
      <c r="B258" t="s">
        <v>554</v>
      </c>
      <c r="C258" t="s">
        <v>555</v>
      </c>
      <c r="D258" t="s">
        <v>53</v>
      </c>
      <c r="E258">
        <v>8</v>
      </c>
    </row>
    <row r="259" spans="1:5" x14ac:dyDescent="0.25">
      <c r="A259" t="s">
        <v>541</v>
      </c>
      <c r="B259" t="s">
        <v>552</v>
      </c>
      <c r="C259" t="s">
        <v>553</v>
      </c>
      <c r="D259" t="s">
        <v>10</v>
      </c>
      <c r="E259">
        <v>9</v>
      </c>
    </row>
    <row r="260" spans="1:5" x14ac:dyDescent="0.25">
      <c r="A260" t="s">
        <v>541</v>
      </c>
      <c r="B260" t="s">
        <v>550</v>
      </c>
      <c r="C260" t="s">
        <v>551</v>
      </c>
      <c r="D260" t="s">
        <v>369</v>
      </c>
      <c r="E260">
        <v>10</v>
      </c>
    </row>
    <row r="261" spans="1:5" x14ac:dyDescent="0.25">
      <c r="A261" t="s">
        <v>560</v>
      </c>
      <c r="B261" t="s">
        <v>566</v>
      </c>
      <c r="D261" t="s">
        <v>122</v>
      </c>
      <c r="E261">
        <v>1</v>
      </c>
    </row>
    <row r="262" spans="1:5" x14ac:dyDescent="0.25">
      <c r="A262" t="s">
        <v>560</v>
      </c>
      <c r="B262" t="s">
        <v>565</v>
      </c>
      <c r="D262" t="s">
        <v>160</v>
      </c>
      <c r="E262">
        <v>2</v>
      </c>
    </row>
    <row r="263" spans="1:5" x14ac:dyDescent="0.25">
      <c r="A263" t="s">
        <v>560</v>
      </c>
      <c r="B263" t="s">
        <v>571</v>
      </c>
      <c r="D263" t="s">
        <v>165</v>
      </c>
      <c r="E263">
        <v>3</v>
      </c>
    </row>
    <row r="264" spans="1:5" x14ac:dyDescent="0.25">
      <c r="A264" t="s">
        <v>560</v>
      </c>
      <c r="B264" t="s">
        <v>562</v>
      </c>
      <c r="D264" t="s">
        <v>563</v>
      </c>
      <c r="E264">
        <v>4</v>
      </c>
    </row>
    <row r="265" spans="1:5" x14ac:dyDescent="0.25">
      <c r="A265" t="s">
        <v>560</v>
      </c>
      <c r="B265" t="s">
        <v>561</v>
      </c>
      <c r="D265" t="s">
        <v>171</v>
      </c>
      <c r="E265">
        <v>5</v>
      </c>
    </row>
    <row r="266" spans="1:5" x14ac:dyDescent="0.25">
      <c r="A266" t="s">
        <v>560</v>
      </c>
      <c r="B266" t="s">
        <v>569</v>
      </c>
      <c r="D266" t="s">
        <v>221</v>
      </c>
      <c r="E266">
        <v>6</v>
      </c>
    </row>
    <row r="267" spans="1:5" x14ac:dyDescent="0.25">
      <c r="A267" t="s">
        <v>560</v>
      </c>
      <c r="B267" t="s">
        <v>564</v>
      </c>
      <c r="D267" t="s">
        <v>249</v>
      </c>
      <c r="E267">
        <v>7</v>
      </c>
    </row>
    <row r="268" spans="1:5" x14ac:dyDescent="0.25">
      <c r="A268" t="s">
        <v>560</v>
      </c>
      <c r="B268" t="s">
        <v>570</v>
      </c>
      <c r="D268" t="s">
        <v>401</v>
      </c>
      <c r="E268">
        <v>8</v>
      </c>
    </row>
    <row r="269" spans="1:5" x14ac:dyDescent="0.25">
      <c r="A269" t="s">
        <v>560</v>
      </c>
      <c r="B269" t="s">
        <v>567</v>
      </c>
      <c r="D269" t="s">
        <v>238</v>
      </c>
      <c r="E269">
        <v>9</v>
      </c>
    </row>
    <row r="270" spans="1:5" x14ac:dyDescent="0.25">
      <c r="A270" t="s">
        <v>560</v>
      </c>
      <c r="B270" t="s">
        <v>568</v>
      </c>
      <c r="D270" t="s">
        <v>53</v>
      </c>
      <c r="E270">
        <v>10</v>
      </c>
    </row>
    <row r="271" spans="1:5" x14ac:dyDescent="0.25">
      <c r="A271" t="s">
        <v>572</v>
      </c>
      <c r="B271" t="s">
        <v>582</v>
      </c>
      <c r="D271" t="s">
        <v>583</v>
      </c>
      <c r="E271">
        <v>1</v>
      </c>
    </row>
    <row r="272" spans="1:5" x14ac:dyDescent="0.25">
      <c r="A272" t="s">
        <v>572</v>
      </c>
      <c r="B272" t="s">
        <v>581</v>
      </c>
      <c r="D272" t="s">
        <v>238</v>
      </c>
      <c r="E272">
        <v>2</v>
      </c>
    </row>
    <row r="273" spans="1:5" x14ac:dyDescent="0.25">
      <c r="A273" t="s">
        <v>572</v>
      </c>
      <c r="B273" t="s">
        <v>576</v>
      </c>
      <c r="D273" t="s">
        <v>102</v>
      </c>
      <c r="E273">
        <v>3</v>
      </c>
    </row>
    <row r="274" spans="1:5" x14ac:dyDescent="0.25">
      <c r="A274" t="s">
        <v>572</v>
      </c>
      <c r="B274" t="s">
        <v>578</v>
      </c>
      <c r="D274" t="s">
        <v>388</v>
      </c>
      <c r="E274">
        <v>4</v>
      </c>
    </row>
    <row r="275" spans="1:5" x14ac:dyDescent="0.25">
      <c r="A275" t="s">
        <v>572</v>
      </c>
      <c r="B275" t="s">
        <v>577</v>
      </c>
      <c r="D275" t="s">
        <v>8</v>
      </c>
      <c r="E275">
        <v>5</v>
      </c>
    </row>
    <row r="276" spans="1:5" x14ac:dyDescent="0.25">
      <c r="A276" t="s">
        <v>572</v>
      </c>
      <c r="B276" t="s">
        <v>574</v>
      </c>
      <c r="D276" t="s">
        <v>97</v>
      </c>
      <c r="E276">
        <v>6</v>
      </c>
    </row>
    <row r="277" spans="1:5" x14ac:dyDescent="0.25">
      <c r="A277" t="s">
        <v>572</v>
      </c>
      <c r="B277" t="s">
        <v>580</v>
      </c>
      <c r="D277" t="s">
        <v>532</v>
      </c>
      <c r="E277">
        <v>7</v>
      </c>
    </row>
    <row r="278" spans="1:5" x14ac:dyDescent="0.25">
      <c r="A278" t="s">
        <v>572</v>
      </c>
      <c r="B278" t="s">
        <v>575</v>
      </c>
      <c r="D278" t="s">
        <v>182</v>
      </c>
      <c r="E278">
        <v>8</v>
      </c>
    </row>
    <row r="279" spans="1:5" x14ac:dyDescent="0.25">
      <c r="A279" t="s">
        <v>572</v>
      </c>
      <c r="B279" t="s">
        <v>573</v>
      </c>
      <c r="D279" t="s">
        <v>18</v>
      </c>
      <c r="E279">
        <v>9</v>
      </c>
    </row>
    <row r="280" spans="1:5" x14ac:dyDescent="0.25">
      <c r="A280" t="s">
        <v>572</v>
      </c>
      <c r="B280" t="s">
        <v>579</v>
      </c>
      <c r="D280" t="s">
        <v>108</v>
      </c>
      <c r="E280">
        <v>10</v>
      </c>
    </row>
    <row r="281" spans="1:5" x14ac:dyDescent="0.25">
      <c r="A281" t="s">
        <v>584</v>
      </c>
      <c r="B281" t="s">
        <v>540</v>
      </c>
      <c r="C281" t="s">
        <v>600</v>
      </c>
      <c r="D281" t="s">
        <v>165</v>
      </c>
      <c r="E281">
        <v>1</v>
      </c>
    </row>
    <row r="282" spans="1:5" x14ac:dyDescent="0.25">
      <c r="A282" t="s">
        <v>584</v>
      </c>
      <c r="B282" t="s">
        <v>599</v>
      </c>
      <c r="C282" t="s">
        <v>202</v>
      </c>
      <c r="D282" t="s">
        <v>221</v>
      </c>
      <c r="E282">
        <v>2</v>
      </c>
    </row>
    <row r="283" spans="1:5" x14ac:dyDescent="0.25">
      <c r="A283" t="s">
        <v>584</v>
      </c>
      <c r="B283" t="s">
        <v>589</v>
      </c>
      <c r="C283" t="s">
        <v>590</v>
      </c>
      <c r="D283" t="s">
        <v>40</v>
      </c>
      <c r="E283">
        <v>3</v>
      </c>
    </row>
    <row r="284" spans="1:5" x14ac:dyDescent="0.25">
      <c r="A284" t="s">
        <v>584</v>
      </c>
      <c r="B284" t="s">
        <v>186</v>
      </c>
      <c r="C284" t="s">
        <v>592</v>
      </c>
      <c r="D284" t="s">
        <v>330</v>
      </c>
      <c r="E284">
        <v>4</v>
      </c>
    </row>
    <row r="285" spans="1:5" x14ac:dyDescent="0.25">
      <c r="A285" t="s">
        <v>584</v>
      </c>
      <c r="B285" t="s">
        <v>587</v>
      </c>
      <c r="C285" t="s">
        <v>588</v>
      </c>
      <c r="D285" t="s">
        <v>66</v>
      </c>
      <c r="E285">
        <v>5</v>
      </c>
    </row>
    <row r="286" spans="1:5" x14ac:dyDescent="0.25">
      <c r="A286" t="s">
        <v>584</v>
      </c>
      <c r="B286" t="s">
        <v>595</v>
      </c>
      <c r="C286" t="s">
        <v>596</v>
      </c>
      <c r="D286" t="s">
        <v>162</v>
      </c>
      <c r="E286">
        <v>6</v>
      </c>
    </row>
    <row r="287" spans="1:5" x14ac:dyDescent="0.25">
      <c r="A287" t="s">
        <v>584</v>
      </c>
      <c r="B287" t="s">
        <v>593</v>
      </c>
      <c r="C287" t="s">
        <v>594</v>
      </c>
      <c r="D287" t="s">
        <v>377</v>
      </c>
      <c r="E287">
        <v>7</v>
      </c>
    </row>
    <row r="288" spans="1:5" x14ac:dyDescent="0.25">
      <c r="A288" t="s">
        <v>584</v>
      </c>
      <c r="B288" t="s">
        <v>204</v>
      </c>
      <c r="C288" t="s">
        <v>585</v>
      </c>
      <c r="D288" t="s">
        <v>229</v>
      </c>
      <c r="E288">
        <v>8</v>
      </c>
    </row>
    <row r="289" spans="1:5" x14ac:dyDescent="0.25">
      <c r="A289" t="s">
        <v>584</v>
      </c>
      <c r="B289" t="s">
        <v>208</v>
      </c>
      <c r="C289" t="s">
        <v>591</v>
      </c>
      <c r="D289" t="s">
        <v>390</v>
      </c>
      <c r="E289">
        <v>9</v>
      </c>
    </row>
    <row r="290" spans="1:5" x14ac:dyDescent="0.25">
      <c r="A290" t="s">
        <v>584</v>
      </c>
      <c r="B290" t="s">
        <v>597</v>
      </c>
      <c r="C290" t="s">
        <v>598</v>
      </c>
      <c r="D290" t="s">
        <v>128</v>
      </c>
      <c r="E290">
        <v>10</v>
      </c>
    </row>
    <row r="291" spans="1:5" x14ac:dyDescent="0.25">
      <c r="A291" t="s">
        <v>601</v>
      </c>
      <c r="B291" t="s">
        <v>615</v>
      </c>
      <c r="C291" t="s">
        <v>616</v>
      </c>
      <c r="D291" t="s">
        <v>278</v>
      </c>
      <c r="E291">
        <v>1</v>
      </c>
    </row>
    <row r="292" spans="1:5" x14ac:dyDescent="0.25">
      <c r="A292" t="s">
        <v>601</v>
      </c>
      <c r="B292" t="s">
        <v>78</v>
      </c>
      <c r="C292" t="s">
        <v>614</v>
      </c>
      <c r="D292" t="s">
        <v>369</v>
      </c>
      <c r="E292">
        <v>2</v>
      </c>
    </row>
    <row r="293" spans="1:5" x14ac:dyDescent="0.25">
      <c r="A293" t="s">
        <v>601</v>
      </c>
      <c r="B293" t="s">
        <v>620</v>
      </c>
      <c r="C293" t="s">
        <v>621</v>
      </c>
      <c r="D293" t="s">
        <v>330</v>
      </c>
      <c r="E293">
        <v>3</v>
      </c>
    </row>
    <row r="294" spans="1:5" x14ac:dyDescent="0.25">
      <c r="A294" t="s">
        <v>601</v>
      </c>
      <c r="B294" t="s">
        <v>552</v>
      </c>
      <c r="C294" t="s">
        <v>602</v>
      </c>
      <c r="D294" t="s">
        <v>64</v>
      </c>
      <c r="E294">
        <v>4</v>
      </c>
    </row>
    <row r="295" spans="1:5" x14ac:dyDescent="0.25">
      <c r="A295" t="s">
        <v>601</v>
      </c>
      <c r="B295" t="s">
        <v>59</v>
      </c>
      <c r="C295" t="s">
        <v>603</v>
      </c>
      <c r="D295" t="s">
        <v>15</v>
      </c>
      <c r="E295">
        <v>5</v>
      </c>
    </row>
    <row r="296" spans="1:5" x14ac:dyDescent="0.25">
      <c r="A296" t="s">
        <v>601</v>
      </c>
      <c r="B296" t="s">
        <v>606</v>
      </c>
      <c r="C296" t="s">
        <v>607</v>
      </c>
      <c r="D296" t="s">
        <v>97</v>
      </c>
      <c r="E296">
        <v>6</v>
      </c>
    </row>
    <row r="297" spans="1:5" x14ac:dyDescent="0.25">
      <c r="A297" t="s">
        <v>601</v>
      </c>
      <c r="B297" t="s">
        <v>619</v>
      </c>
      <c r="C297" t="s">
        <v>405</v>
      </c>
      <c r="D297" t="s">
        <v>120</v>
      </c>
      <c r="E297">
        <v>7</v>
      </c>
    </row>
    <row r="298" spans="1:5" x14ac:dyDescent="0.25">
      <c r="A298" t="s">
        <v>601</v>
      </c>
      <c r="B298" t="s">
        <v>224</v>
      </c>
      <c r="C298" t="s">
        <v>225</v>
      </c>
      <c r="D298" t="s">
        <v>226</v>
      </c>
      <c r="E298">
        <v>8</v>
      </c>
    </row>
    <row r="299" spans="1:5" x14ac:dyDescent="0.25">
      <c r="A299" t="s">
        <v>601</v>
      </c>
      <c r="B299" t="s">
        <v>617</v>
      </c>
      <c r="C299" t="s">
        <v>618</v>
      </c>
      <c r="D299" t="s">
        <v>117</v>
      </c>
      <c r="E299">
        <v>9</v>
      </c>
    </row>
    <row r="300" spans="1:5" x14ac:dyDescent="0.25">
      <c r="A300" t="s">
        <v>601</v>
      </c>
      <c r="B300" t="s">
        <v>604</v>
      </c>
      <c r="C300" t="s">
        <v>605</v>
      </c>
      <c r="D300" t="s">
        <v>169</v>
      </c>
      <c r="E300">
        <v>10</v>
      </c>
    </row>
    <row r="301" spans="1:5" x14ac:dyDescent="0.25">
      <c r="A301" t="s">
        <v>601</v>
      </c>
      <c r="B301" t="s">
        <v>608</v>
      </c>
      <c r="C301" t="s">
        <v>609</v>
      </c>
      <c r="D301" t="s">
        <v>310</v>
      </c>
      <c r="E301">
        <v>11</v>
      </c>
    </row>
    <row r="302" spans="1:5" x14ac:dyDescent="0.25">
      <c r="A302" t="s">
        <v>601</v>
      </c>
      <c r="B302" t="s">
        <v>610</v>
      </c>
      <c r="C302" t="s">
        <v>611</v>
      </c>
      <c r="D302" t="s">
        <v>310</v>
      </c>
      <c r="E302">
        <v>12</v>
      </c>
    </row>
    <row r="303" spans="1:5" x14ac:dyDescent="0.25">
      <c r="A303" t="s">
        <v>601</v>
      </c>
      <c r="B303" t="s">
        <v>612</v>
      </c>
      <c r="C303" t="s">
        <v>613</v>
      </c>
      <c r="D303" t="s">
        <v>310</v>
      </c>
      <c r="E303">
        <v>13</v>
      </c>
    </row>
    <row r="304" spans="1:5" x14ac:dyDescent="0.25">
      <c r="A304" t="s">
        <v>622</v>
      </c>
      <c r="B304" t="s">
        <v>624</v>
      </c>
      <c r="D304" t="s">
        <v>171</v>
      </c>
      <c r="E304">
        <v>1</v>
      </c>
    </row>
    <row r="305" spans="1:5" x14ac:dyDescent="0.25">
      <c r="A305" t="s">
        <v>622</v>
      </c>
      <c r="B305" t="s">
        <v>626</v>
      </c>
      <c r="D305" t="s">
        <v>182</v>
      </c>
      <c r="E305">
        <v>2</v>
      </c>
    </row>
    <row r="306" spans="1:5" x14ac:dyDescent="0.25">
      <c r="A306" t="s">
        <v>622</v>
      </c>
      <c r="B306" t="s">
        <v>627</v>
      </c>
      <c r="D306" t="s">
        <v>155</v>
      </c>
      <c r="E306">
        <v>3</v>
      </c>
    </row>
    <row r="307" spans="1:5" x14ac:dyDescent="0.25">
      <c r="A307" t="s">
        <v>622</v>
      </c>
      <c r="B307" t="s">
        <v>623</v>
      </c>
      <c r="D307" t="s">
        <v>18</v>
      </c>
      <c r="E307">
        <v>4</v>
      </c>
    </row>
    <row r="308" spans="1:5" x14ac:dyDescent="0.25">
      <c r="A308" t="s">
        <v>622</v>
      </c>
      <c r="B308" t="s">
        <v>629</v>
      </c>
      <c r="D308" t="s">
        <v>48</v>
      </c>
      <c r="E308">
        <v>5</v>
      </c>
    </row>
    <row r="309" spans="1:5" x14ac:dyDescent="0.25">
      <c r="A309" t="s">
        <v>622</v>
      </c>
      <c r="B309" t="s">
        <v>628</v>
      </c>
      <c r="D309" t="s">
        <v>211</v>
      </c>
      <c r="E309">
        <v>6</v>
      </c>
    </row>
    <row r="310" spans="1:5" x14ac:dyDescent="0.25">
      <c r="A310" t="s">
        <v>622</v>
      </c>
      <c r="B310" t="s">
        <v>632</v>
      </c>
      <c r="D310" t="s">
        <v>195</v>
      </c>
      <c r="E310">
        <v>7</v>
      </c>
    </row>
    <row r="311" spans="1:5" x14ac:dyDescent="0.25">
      <c r="A311" t="s">
        <v>622</v>
      </c>
      <c r="B311" t="s">
        <v>630</v>
      </c>
      <c r="D311" t="s">
        <v>631</v>
      </c>
      <c r="E311">
        <v>8</v>
      </c>
    </row>
    <row r="312" spans="1:5" x14ac:dyDescent="0.25">
      <c r="A312" t="s">
        <v>622</v>
      </c>
      <c r="B312" t="s">
        <v>625</v>
      </c>
      <c r="D312" t="s">
        <v>150</v>
      </c>
      <c r="E312">
        <v>9</v>
      </c>
    </row>
    <row r="313" spans="1:5" x14ac:dyDescent="0.25">
      <c r="A313" t="s">
        <v>622</v>
      </c>
      <c r="B313" t="s">
        <v>633</v>
      </c>
      <c r="D313" t="s">
        <v>122</v>
      </c>
      <c r="E313">
        <v>10</v>
      </c>
    </row>
    <row r="314" spans="1:5" x14ac:dyDescent="0.25">
      <c r="A314" t="s">
        <v>634</v>
      </c>
      <c r="B314" t="s">
        <v>375</v>
      </c>
      <c r="C314" t="s">
        <v>651</v>
      </c>
      <c r="D314" t="s">
        <v>401</v>
      </c>
      <c r="E314">
        <v>1</v>
      </c>
    </row>
    <row r="315" spans="1:5" x14ac:dyDescent="0.25">
      <c r="A315" t="s">
        <v>634</v>
      </c>
      <c r="B315" t="s">
        <v>637</v>
      </c>
      <c r="C315" t="s">
        <v>638</v>
      </c>
      <c r="D315" t="s">
        <v>97</v>
      </c>
      <c r="E315">
        <v>2</v>
      </c>
    </row>
    <row r="316" spans="1:5" x14ac:dyDescent="0.25">
      <c r="A316" t="s">
        <v>634</v>
      </c>
      <c r="B316" t="s">
        <v>642</v>
      </c>
      <c r="C316" t="s">
        <v>271</v>
      </c>
      <c r="D316" t="s">
        <v>185</v>
      </c>
      <c r="E316">
        <v>3</v>
      </c>
    </row>
    <row r="317" spans="1:5" x14ac:dyDescent="0.25">
      <c r="A317" t="s">
        <v>634</v>
      </c>
      <c r="B317" t="s">
        <v>300</v>
      </c>
      <c r="C317" t="s">
        <v>643</v>
      </c>
      <c r="D317" t="s">
        <v>111</v>
      </c>
      <c r="E317">
        <v>4</v>
      </c>
    </row>
    <row r="318" spans="1:5" x14ac:dyDescent="0.25">
      <c r="A318" t="s">
        <v>634</v>
      </c>
      <c r="B318" t="s">
        <v>640</v>
      </c>
      <c r="C318" t="s">
        <v>641</v>
      </c>
      <c r="D318" t="s">
        <v>79</v>
      </c>
      <c r="E318">
        <v>5</v>
      </c>
    </row>
    <row r="319" spans="1:5" x14ac:dyDescent="0.25">
      <c r="A319" t="s">
        <v>634</v>
      </c>
      <c r="B319" t="s">
        <v>639</v>
      </c>
      <c r="C319" t="s">
        <v>370</v>
      </c>
      <c r="D319" t="s">
        <v>409</v>
      </c>
      <c r="E319">
        <v>6</v>
      </c>
    </row>
    <row r="320" spans="1:5" x14ac:dyDescent="0.25">
      <c r="A320" t="s">
        <v>634</v>
      </c>
      <c r="B320" t="s">
        <v>439</v>
      </c>
      <c r="C320" t="s">
        <v>647</v>
      </c>
      <c r="D320" t="s">
        <v>648</v>
      </c>
      <c r="E320">
        <v>7</v>
      </c>
    </row>
    <row r="321" spans="1:5" x14ac:dyDescent="0.25">
      <c r="A321" t="s">
        <v>634</v>
      </c>
      <c r="B321" t="s">
        <v>635</v>
      </c>
      <c r="C321" t="s">
        <v>636</v>
      </c>
      <c r="D321" t="s">
        <v>171</v>
      </c>
      <c r="E321">
        <v>8</v>
      </c>
    </row>
    <row r="322" spans="1:5" x14ac:dyDescent="0.25">
      <c r="A322" t="s">
        <v>634</v>
      </c>
      <c r="B322" t="s">
        <v>645</v>
      </c>
      <c r="C322" t="s">
        <v>646</v>
      </c>
      <c r="D322" t="s">
        <v>157</v>
      </c>
      <c r="E322">
        <v>9</v>
      </c>
    </row>
    <row r="323" spans="1:5" x14ac:dyDescent="0.25">
      <c r="A323" t="s">
        <v>634</v>
      </c>
      <c r="B323" t="s">
        <v>127</v>
      </c>
      <c r="C323" t="s">
        <v>650</v>
      </c>
      <c r="D323" t="s">
        <v>238</v>
      </c>
      <c r="E323">
        <v>10</v>
      </c>
    </row>
    <row r="324" spans="1:5" x14ac:dyDescent="0.25">
      <c r="A324" t="s">
        <v>652</v>
      </c>
      <c r="B324" t="s">
        <v>664</v>
      </c>
      <c r="C324" t="s">
        <v>665</v>
      </c>
      <c r="D324" t="s">
        <v>48</v>
      </c>
      <c r="E324">
        <v>1</v>
      </c>
    </row>
    <row r="325" spans="1:5" x14ac:dyDescent="0.25">
      <c r="A325" t="s">
        <v>652</v>
      </c>
      <c r="B325" t="s">
        <v>668</v>
      </c>
      <c r="C325" t="s">
        <v>669</v>
      </c>
      <c r="D325" t="s">
        <v>162</v>
      </c>
      <c r="E325">
        <v>2</v>
      </c>
    </row>
    <row r="326" spans="1:5" x14ac:dyDescent="0.25">
      <c r="A326" t="s">
        <v>652</v>
      </c>
      <c r="B326" t="s">
        <v>661</v>
      </c>
      <c r="C326" t="s">
        <v>662</v>
      </c>
      <c r="D326" t="s">
        <v>8</v>
      </c>
      <c r="E326">
        <v>3</v>
      </c>
    </row>
    <row r="327" spans="1:5" x14ac:dyDescent="0.25">
      <c r="A327" t="s">
        <v>652</v>
      </c>
      <c r="B327" t="s">
        <v>653</v>
      </c>
      <c r="C327" t="s">
        <v>654</v>
      </c>
      <c r="D327" t="s">
        <v>64</v>
      </c>
      <c r="E327">
        <v>4</v>
      </c>
    </row>
    <row r="328" spans="1:5" x14ac:dyDescent="0.25">
      <c r="A328" t="s">
        <v>652</v>
      </c>
      <c r="B328" t="s">
        <v>459</v>
      </c>
      <c r="C328" t="s">
        <v>431</v>
      </c>
      <c r="D328" t="s">
        <v>64</v>
      </c>
      <c r="E328">
        <v>5</v>
      </c>
    </row>
    <row r="329" spans="1:5" x14ac:dyDescent="0.25">
      <c r="A329" t="s">
        <v>652</v>
      </c>
      <c r="B329" t="s">
        <v>655</v>
      </c>
      <c r="C329" t="s">
        <v>656</v>
      </c>
      <c r="D329" t="s">
        <v>150</v>
      </c>
      <c r="E329">
        <v>6</v>
      </c>
    </row>
    <row r="330" spans="1:5" x14ac:dyDescent="0.25">
      <c r="A330" t="s">
        <v>652</v>
      </c>
      <c r="B330" t="s">
        <v>657</v>
      </c>
      <c r="C330" t="s">
        <v>658</v>
      </c>
      <c r="D330" t="s">
        <v>182</v>
      </c>
      <c r="E330">
        <v>7</v>
      </c>
    </row>
    <row r="331" spans="1:5" x14ac:dyDescent="0.25">
      <c r="A331" t="s">
        <v>652</v>
      </c>
      <c r="B331" t="s">
        <v>663</v>
      </c>
      <c r="C331" t="s">
        <v>370</v>
      </c>
      <c r="D331" t="s">
        <v>111</v>
      </c>
      <c r="E331">
        <v>8</v>
      </c>
    </row>
    <row r="332" spans="1:5" x14ac:dyDescent="0.25">
      <c r="A332" t="s">
        <v>652</v>
      </c>
      <c r="B332" t="s">
        <v>666</v>
      </c>
      <c r="C332" t="s">
        <v>667</v>
      </c>
      <c r="D332" t="s">
        <v>125</v>
      </c>
      <c r="E332">
        <v>9</v>
      </c>
    </row>
    <row r="333" spans="1:5" x14ac:dyDescent="0.25">
      <c r="A333" t="s">
        <v>652</v>
      </c>
      <c r="B333" t="s">
        <v>659</v>
      </c>
      <c r="C333" t="s">
        <v>660</v>
      </c>
      <c r="D333" t="s">
        <v>154</v>
      </c>
      <c r="E333">
        <v>10</v>
      </c>
    </row>
    <row r="334" spans="1:5" x14ac:dyDescent="0.25">
      <c r="A334" t="s">
        <v>670</v>
      </c>
      <c r="B334" t="s">
        <v>680</v>
      </c>
      <c r="D334" t="s">
        <v>238</v>
      </c>
      <c r="E334">
        <v>1</v>
      </c>
    </row>
    <row r="335" spans="1:5" x14ac:dyDescent="0.25">
      <c r="A335" t="s">
        <v>670</v>
      </c>
      <c r="B335" t="s">
        <v>678</v>
      </c>
      <c r="D335" t="s">
        <v>195</v>
      </c>
      <c r="E335">
        <v>2</v>
      </c>
    </row>
    <row r="336" spans="1:5" x14ac:dyDescent="0.25">
      <c r="A336" t="s">
        <v>670</v>
      </c>
      <c r="B336" t="s">
        <v>672</v>
      </c>
      <c r="D336" t="s">
        <v>33</v>
      </c>
      <c r="E336">
        <v>3</v>
      </c>
    </row>
    <row r="337" spans="1:5" x14ac:dyDescent="0.25">
      <c r="A337" t="s">
        <v>670</v>
      </c>
      <c r="B337" t="s">
        <v>671</v>
      </c>
      <c r="D337" t="s">
        <v>28</v>
      </c>
      <c r="E337">
        <v>4</v>
      </c>
    </row>
    <row r="338" spans="1:5" x14ac:dyDescent="0.25">
      <c r="A338" t="s">
        <v>670</v>
      </c>
      <c r="B338" t="s">
        <v>679</v>
      </c>
      <c r="D338" t="s">
        <v>330</v>
      </c>
      <c r="E338">
        <v>5</v>
      </c>
    </row>
    <row r="339" spans="1:5" x14ac:dyDescent="0.25">
      <c r="A339" t="s">
        <v>670</v>
      </c>
      <c r="B339" t="s">
        <v>674</v>
      </c>
      <c r="D339" t="s">
        <v>108</v>
      </c>
      <c r="E339">
        <v>6</v>
      </c>
    </row>
    <row r="340" spans="1:5" x14ac:dyDescent="0.25">
      <c r="A340" t="s">
        <v>670</v>
      </c>
      <c r="B340" t="s">
        <v>675</v>
      </c>
      <c r="D340" t="s">
        <v>506</v>
      </c>
      <c r="E340">
        <v>7</v>
      </c>
    </row>
    <row r="341" spans="1:5" x14ac:dyDescent="0.25">
      <c r="A341" t="s">
        <v>670</v>
      </c>
      <c r="B341" t="s">
        <v>676</v>
      </c>
      <c r="D341" t="s">
        <v>506</v>
      </c>
      <c r="E341">
        <v>8</v>
      </c>
    </row>
    <row r="342" spans="1:5" x14ac:dyDescent="0.25">
      <c r="A342" t="s">
        <v>670</v>
      </c>
      <c r="B342" t="s">
        <v>673</v>
      </c>
      <c r="D342" t="s">
        <v>102</v>
      </c>
      <c r="E342">
        <v>9</v>
      </c>
    </row>
    <row r="343" spans="1:5" x14ac:dyDescent="0.25">
      <c r="A343" t="s">
        <v>670</v>
      </c>
      <c r="B343" t="s">
        <v>681</v>
      </c>
      <c r="D343" t="s">
        <v>12</v>
      </c>
      <c r="E343">
        <v>10</v>
      </c>
    </row>
    <row r="344" spans="1:5" x14ac:dyDescent="0.25">
      <c r="A344" t="s">
        <v>670</v>
      </c>
      <c r="B344" t="s">
        <v>677</v>
      </c>
      <c r="D344" t="s">
        <v>631</v>
      </c>
      <c r="E344">
        <v>11</v>
      </c>
    </row>
    <row r="345" spans="1:5" x14ac:dyDescent="0.25">
      <c r="A345" t="s">
        <v>682</v>
      </c>
      <c r="B345" t="s">
        <v>188</v>
      </c>
      <c r="C345" t="s">
        <v>696</v>
      </c>
      <c r="D345" t="s">
        <v>697</v>
      </c>
      <c r="E345">
        <v>1</v>
      </c>
    </row>
    <row r="346" spans="1:5" x14ac:dyDescent="0.25">
      <c r="A346" t="s">
        <v>682</v>
      </c>
      <c r="B346" t="s">
        <v>687</v>
      </c>
      <c r="C346" t="s">
        <v>688</v>
      </c>
      <c r="D346" t="s">
        <v>31</v>
      </c>
      <c r="E346">
        <v>2</v>
      </c>
    </row>
    <row r="347" spans="1:5" x14ac:dyDescent="0.25">
      <c r="A347" t="s">
        <v>682</v>
      </c>
      <c r="B347" t="s">
        <v>691</v>
      </c>
      <c r="C347" t="s">
        <v>692</v>
      </c>
      <c r="D347" t="s">
        <v>46</v>
      </c>
      <c r="E347">
        <v>3</v>
      </c>
    </row>
    <row r="348" spans="1:5" x14ac:dyDescent="0.25">
      <c r="A348" t="s">
        <v>682</v>
      </c>
      <c r="B348" t="s">
        <v>694</v>
      </c>
      <c r="C348" t="s">
        <v>695</v>
      </c>
      <c r="D348" t="s">
        <v>278</v>
      </c>
      <c r="E348">
        <v>4</v>
      </c>
    </row>
    <row r="349" spans="1:5" x14ac:dyDescent="0.25">
      <c r="A349" t="s">
        <v>682</v>
      </c>
      <c r="B349" t="s">
        <v>212</v>
      </c>
      <c r="C349" t="s">
        <v>693</v>
      </c>
      <c r="D349" t="s">
        <v>189</v>
      </c>
      <c r="E349">
        <v>5</v>
      </c>
    </row>
    <row r="350" spans="1:5" x14ac:dyDescent="0.25">
      <c r="A350" t="s">
        <v>682</v>
      </c>
      <c r="B350" t="s">
        <v>689</v>
      </c>
      <c r="C350" t="s">
        <v>690</v>
      </c>
      <c r="D350" t="s">
        <v>182</v>
      </c>
      <c r="E350">
        <v>6</v>
      </c>
    </row>
    <row r="351" spans="1:5" x14ac:dyDescent="0.25">
      <c r="A351" t="s">
        <v>682</v>
      </c>
      <c r="B351" t="s">
        <v>265</v>
      </c>
      <c r="C351" t="s">
        <v>683</v>
      </c>
      <c r="D351" t="s">
        <v>22</v>
      </c>
      <c r="E351">
        <v>7</v>
      </c>
    </row>
    <row r="352" spans="1:5" x14ac:dyDescent="0.25">
      <c r="A352" t="s">
        <v>682</v>
      </c>
      <c r="B352" t="s">
        <v>685</v>
      </c>
      <c r="C352" t="s">
        <v>686</v>
      </c>
      <c r="D352" t="s">
        <v>97</v>
      </c>
      <c r="E352">
        <v>8</v>
      </c>
    </row>
    <row r="353" spans="1:5" x14ac:dyDescent="0.25">
      <c r="A353" t="s">
        <v>682</v>
      </c>
      <c r="B353" t="s">
        <v>664</v>
      </c>
      <c r="C353" t="s">
        <v>684</v>
      </c>
      <c r="D353" t="s">
        <v>229</v>
      </c>
      <c r="E353">
        <v>9</v>
      </c>
    </row>
    <row r="354" spans="1:5" x14ac:dyDescent="0.25">
      <c r="A354" t="s">
        <v>682</v>
      </c>
      <c r="B354" t="s">
        <v>547</v>
      </c>
      <c r="C354" t="s">
        <v>698</v>
      </c>
      <c r="D354" t="s">
        <v>13</v>
      </c>
      <c r="E354">
        <v>10</v>
      </c>
    </row>
    <row r="355" spans="1:5" x14ac:dyDescent="0.25">
      <c r="A355" t="s">
        <v>699</v>
      </c>
      <c r="B355" t="s">
        <v>710</v>
      </c>
      <c r="C355" t="s">
        <v>711</v>
      </c>
      <c r="D355" t="s">
        <v>10</v>
      </c>
      <c r="E355">
        <v>1</v>
      </c>
    </row>
    <row r="356" spans="1:5" x14ac:dyDescent="0.25">
      <c r="A356" t="s">
        <v>699</v>
      </c>
      <c r="B356" t="s">
        <v>702</v>
      </c>
      <c r="C356" t="s">
        <v>703</v>
      </c>
      <c r="D356" t="s">
        <v>28</v>
      </c>
      <c r="E356">
        <v>2</v>
      </c>
    </row>
    <row r="357" spans="1:5" x14ac:dyDescent="0.25">
      <c r="A357" t="s">
        <v>699</v>
      </c>
      <c r="B357" t="s">
        <v>704</v>
      </c>
      <c r="C357" t="s">
        <v>705</v>
      </c>
      <c r="D357" t="s">
        <v>33</v>
      </c>
      <c r="E357">
        <v>3</v>
      </c>
    </row>
    <row r="358" spans="1:5" x14ac:dyDescent="0.25">
      <c r="A358" t="s">
        <v>699</v>
      </c>
      <c r="B358" t="s">
        <v>438</v>
      </c>
      <c r="C358" t="s">
        <v>706</v>
      </c>
      <c r="D358" t="s">
        <v>79</v>
      </c>
      <c r="E358">
        <v>4</v>
      </c>
    </row>
    <row r="359" spans="1:5" x14ac:dyDescent="0.25">
      <c r="A359" t="s">
        <v>699</v>
      </c>
      <c r="B359" t="s">
        <v>708</v>
      </c>
      <c r="C359" t="s">
        <v>709</v>
      </c>
      <c r="D359" t="s">
        <v>189</v>
      </c>
      <c r="E359">
        <v>5</v>
      </c>
    </row>
    <row r="360" spans="1:5" x14ac:dyDescent="0.25">
      <c r="A360" t="s">
        <v>699</v>
      </c>
      <c r="B360" t="s">
        <v>406</v>
      </c>
      <c r="C360" t="s">
        <v>707</v>
      </c>
      <c r="D360" t="s">
        <v>113</v>
      </c>
      <c r="E360">
        <v>6</v>
      </c>
    </row>
    <row r="361" spans="1:5" x14ac:dyDescent="0.25">
      <c r="A361" t="s">
        <v>699</v>
      </c>
      <c r="B361" t="s">
        <v>714</v>
      </c>
      <c r="C361" t="s">
        <v>715</v>
      </c>
      <c r="D361" t="s">
        <v>285</v>
      </c>
      <c r="E361">
        <v>7</v>
      </c>
    </row>
    <row r="362" spans="1:5" x14ac:dyDescent="0.25">
      <c r="A362" t="s">
        <v>699</v>
      </c>
      <c r="B362" t="s">
        <v>199</v>
      </c>
      <c r="C362" t="s">
        <v>467</v>
      </c>
      <c r="D362" t="s">
        <v>232</v>
      </c>
      <c r="E362">
        <v>8</v>
      </c>
    </row>
    <row r="363" spans="1:5" x14ac:dyDescent="0.25">
      <c r="A363" t="s">
        <v>699</v>
      </c>
      <c r="B363" t="s">
        <v>343</v>
      </c>
      <c r="C363" t="s">
        <v>712</v>
      </c>
      <c r="D363" t="s">
        <v>519</v>
      </c>
      <c r="E363">
        <v>9</v>
      </c>
    </row>
    <row r="364" spans="1:5" x14ac:dyDescent="0.25">
      <c r="A364" t="s">
        <v>699</v>
      </c>
      <c r="B364" t="s">
        <v>700</v>
      </c>
      <c r="C364" t="s">
        <v>701</v>
      </c>
      <c r="D364" t="s">
        <v>18</v>
      </c>
      <c r="E364">
        <v>10</v>
      </c>
    </row>
    <row r="365" spans="1:5" x14ac:dyDescent="0.25">
      <c r="A365" t="s">
        <v>716</v>
      </c>
      <c r="B365" t="s">
        <v>728</v>
      </c>
      <c r="C365" t="s">
        <v>729</v>
      </c>
      <c r="D365" t="s">
        <v>48</v>
      </c>
      <c r="E365">
        <v>1</v>
      </c>
    </row>
    <row r="366" spans="1:5" x14ac:dyDescent="0.25">
      <c r="A366" t="s">
        <v>716</v>
      </c>
      <c r="B366" t="s">
        <v>186</v>
      </c>
      <c r="C366" t="s">
        <v>719</v>
      </c>
      <c r="D366" t="s">
        <v>40</v>
      </c>
      <c r="E366">
        <v>2</v>
      </c>
    </row>
    <row r="367" spans="1:5" x14ac:dyDescent="0.25">
      <c r="A367" t="s">
        <v>716</v>
      </c>
      <c r="B367" t="s">
        <v>49</v>
      </c>
      <c r="C367" t="s">
        <v>116</v>
      </c>
      <c r="D367" t="s">
        <v>532</v>
      </c>
      <c r="E367">
        <v>3</v>
      </c>
    </row>
    <row r="368" spans="1:5" x14ac:dyDescent="0.25">
      <c r="A368" t="s">
        <v>716</v>
      </c>
      <c r="B368" t="s">
        <v>722</v>
      </c>
      <c r="C368" t="s">
        <v>723</v>
      </c>
      <c r="D368" t="s">
        <v>532</v>
      </c>
      <c r="E368">
        <v>4</v>
      </c>
    </row>
    <row r="369" spans="1:5" x14ac:dyDescent="0.25">
      <c r="A369" t="s">
        <v>716</v>
      </c>
      <c r="B369" t="s">
        <v>724</v>
      </c>
      <c r="C369" t="s">
        <v>725</v>
      </c>
      <c r="D369" t="s">
        <v>726</v>
      </c>
      <c r="E369">
        <v>5</v>
      </c>
    </row>
    <row r="370" spans="1:5" x14ac:dyDescent="0.25">
      <c r="A370" t="s">
        <v>716</v>
      </c>
      <c r="B370" t="s">
        <v>720</v>
      </c>
      <c r="C370" t="s">
        <v>721</v>
      </c>
      <c r="D370" t="s">
        <v>108</v>
      </c>
      <c r="E370">
        <v>6</v>
      </c>
    </row>
    <row r="371" spans="1:5" x14ac:dyDescent="0.25">
      <c r="A371" t="s">
        <v>716</v>
      </c>
      <c r="B371" t="s">
        <v>713</v>
      </c>
      <c r="C371" t="s">
        <v>732</v>
      </c>
      <c r="D371" t="s">
        <v>198</v>
      </c>
      <c r="E371">
        <v>7</v>
      </c>
    </row>
    <row r="372" spans="1:5" x14ac:dyDescent="0.25">
      <c r="A372" t="s">
        <v>716</v>
      </c>
      <c r="B372" t="s">
        <v>644</v>
      </c>
      <c r="C372" t="s">
        <v>727</v>
      </c>
      <c r="D372" t="s">
        <v>48</v>
      </c>
      <c r="E372">
        <v>8</v>
      </c>
    </row>
    <row r="373" spans="1:5" x14ac:dyDescent="0.25">
      <c r="A373" t="s">
        <v>716</v>
      </c>
      <c r="B373" t="s">
        <v>717</v>
      </c>
      <c r="C373" t="s">
        <v>709</v>
      </c>
      <c r="D373" t="s">
        <v>453</v>
      </c>
      <c r="E373">
        <v>9</v>
      </c>
    </row>
    <row r="374" spans="1:5" x14ac:dyDescent="0.25">
      <c r="A374" t="s">
        <v>716</v>
      </c>
      <c r="B374" t="s">
        <v>734</v>
      </c>
      <c r="C374" t="s">
        <v>733</v>
      </c>
      <c r="D374" t="s">
        <v>221</v>
      </c>
      <c r="E374">
        <v>10</v>
      </c>
    </row>
    <row r="375" spans="1:5" x14ac:dyDescent="0.25">
      <c r="A375" t="s">
        <v>735</v>
      </c>
      <c r="B375" t="s">
        <v>750</v>
      </c>
      <c r="C375" t="s">
        <v>751</v>
      </c>
      <c r="D375" t="s">
        <v>162</v>
      </c>
      <c r="E375">
        <v>1</v>
      </c>
    </row>
    <row r="376" spans="1:5" x14ac:dyDescent="0.25">
      <c r="A376" t="s">
        <v>735</v>
      </c>
      <c r="B376" t="s">
        <v>744</v>
      </c>
      <c r="C376" t="s">
        <v>745</v>
      </c>
      <c r="D376" t="s">
        <v>144</v>
      </c>
      <c r="E376">
        <v>2</v>
      </c>
    </row>
    <row r="377" spans="1:5" x14ac:dyDescent="0.25">
      <c r="A377" t="s">
        <v>735</v>
      </c>
      <c r="B377" t="s">
        <v>748</v>
      </c>
      <c r="C377" t="s">
        <v>753</v>
      </c>
      <c r="D377" t="s">
        <v>128</v>
      </c>
      <c r="E377">
        <v>3</v>
      </c>
    </row>
    <row r="378" spans="1:5" x14ac:dyDescent="0.25">
      <c r="A378" t="s">
        <v>735</v>
      </c>
      <c r="B378" t="s">
        <v>740</v>
      </c>
      <c r="C378" t="s">
        <v>741</v>
      </c>
      <c r="D378" t="s">
        <v>207</v>
      </c>
      <c r="E378">
        <v>4</v>
      </c>
    </row>
    <row r="379" spans="1:5" x14ac:dyDescent="0.25">
      <c r="A379" t="s">
        <v>735</v>
      </c>
      <c r="B379" t="s">
        <v>746</v>
      </c>
      <c r="C379" t="s">
        <v>747</v>
      </c>
      <c r="D379" t="s">
        <v>532</v>
      </c>
      <c r="E379">
        <v>5</v>
      </c>
    </row>
    <row r="380" spans="1:5" x14ac:dyDescent="0.25">
      <c r="A380" t="s">
        <v>735</v>
      </c>
      <c r="B380" t="s">
        <v>700</v>
      </c>
      <c r="C380" t="s">
        <v>749</v>
      </c>
      <c r="D380" t="s">
        <v>10</v>
      </c>
      <c r="E380">
        <v>6</v>
      </c>
    </row>
    <row r="381" spans="1:5" x14ac:dyDescent="0.25">
      <c r="A381" t="s">
        <v>735</v>
      </c>
      <c r="B381" t="s">
        <v>754</v>
      </c>
      <c r="C381" t="s">
        <v>755</v>
      </c>
      <c r="D381" t="s">
        <v>221</v>
      </c>
      <c r="E381">
        <v>7</v>
      </c>
    </row>
    <row r="382" spans="1:5" x14ac:dyDescent="0.25">
      <c r="A382" t="s">
        <v>735</v>
      </c>
      <c r="B382" t="s">
        <v>742</v>
      </c>
      <c r="C382" t="s">
        <v>743</v>
      </c>
      <c r="D382" t="s">
        <v>387</v>
      </c>
      <c r="E382">
        <v>8</v>
      </c>
    </row>
    <row r="383" spans="1:5" x14ac:dyDescent="0.25">
      <c r="A383" t="s">
        <v>735</v>
      </c>
      <c r="B383" t="s">
        <v>736</v>
      </c>
      <c r="C383" t="s">
        <v>737</v>
      </c>
      <c r="D383" t="s">
        <v>97</v>
      </c>
      <c r="E383">
        <v>9</v>
      </c>
    </row>
    <row r="384" spans="1:5" x14ac:dyDescent="0.25">
      <c r="A384" t="s">
        <v>735</v>
      </c>
      <c r="B384" t="s">
        <v>738</v>
      </c>
      <c r="C384" t="s">
        <v>739</v>
      </c>
      <c r="D384" t="s">
        <v>97</v>
      </c>
      <c r="E384">
        <v>10</v>
      </c>
    </row>
    <row r="385" spans="1:5" x14ac:dyDescent="0.25">
      <c r="A385" t="s">
        <v>756</v>
      </c>
      <c r="B385" t="s">
        <v>92</v>
      </c>
      <c r="C385" t="s">
        <v>767</v>
      </c>
      <c r="D385" t="s">
        <v>162</v>
      </c>
      <c r="E385">
        <v>1</v>
      </c>
    </row>
    <row r="386" spans="1:5" x14ac:dyDescent="0.25">
      <c r="A386" t="s">
        <v>756</v>
      </c>
      <c r="B386" t="s">
        <v>20</v>
      </c>
      <c r="C386" t="s">
        <v>770</v>
      </c>
      <c r="D386" t="s">
        <v>198</v>
      </c>
      <c r="E386">
        <v>2</v>
      </c>
    </row>
    <row r="387" spans="1:5" x14ac:dyDescent="0.25">
      <c r="A387" t="s">
        <v>756</v>
      </c>
      <c r="B387" t="s">
        <v>760</v>
      </c>
      <c r="C387" t="s">
        <v>282</v>
      </c>
      <c r="D387" t="s">
        <v>113</v>
      </c>
      <c r="E387">
        <v>3</v>
      </c>
    </row>
    <row r="388" spans="1:5" x14ac:dyDescent="0.25">
      <c r="A388" t="s">
        <v>756</v>
      </c>
      <c r="B388" t="s">
        <v>303</v>
      </c>
      <c r="C388" t="s">
        <v>177</v>
      </c>
      <c r="D388" t="s">
        <v>97</v>
      </c>
      <c r="E388">
        <v>4</v>
      </c>
    </row>
    <row r="389" spans="1:5" x14ac:dyDescent="0.25">
      <c r="A389" t="s">
        <v>756</v>
      </c>
      <c r="B389" t="s">
        <v>758</v>
      </c>
      <c r="C389" t="s">
        <v>759</v>
      </c>
      <c r="D389" t="s">
        <v>103</v>
      </c>
      <c r="E389">
        <v>5</v>
      </c>
    </row>
    <row r="390" spans="1:5" x14ac:dyDescent="0.25">
      <c r="A390" t="s">
        <v>756</v>
      </c>
      <c r="B390" t="s">
        <v>761</v>
      </c>
      <c r="C390" t="s">
        <v>762</v>
      </c>
      <c r="D390" t="s">
        <v>48</v>
      </c>
      <c r="E390">
        <v>6</v>
      </c>
    </row>
    <row r="391" spans="1:5" x14ac:dyDescent="0.25">
      <c r="A391" t="s">
        <v>756</v>
      </c>
      <c r="B391" t="s">
        <v>763</v>
      </c>
      <c r="C391" t="s">
        <v>764</v>
      </c>
      <c r="D391" t="s">
        <v>249</v>
      </c>
      <c r="E391">
        <v>7</v>
      </c>
    </row>
    <row r="392" spans="1:5" x14ac:dyDescent="0.25">
      <c r="A392" t="s">
        <v>756</v>
      </c>
      <c r="B392" t="s">
        <v>768</v>
      </c>
      <c r="C392" t="s">
        <v>769</v>
      </c>
      <c r="D392" t="s">
        <v>162</v>
      </c>
      <c r="E392">
        <v>8</v>
      </c>
    </row>
    <row r="393" spans="1:5" x14ac:dyDescent="0.25">
      <c r="A393" t="s">
        <v>756</v>
      </c>
      <c r="B393" t="s">
        <v>771</v>
      </c>
      <c r="C393" t="s">
        <v>772</v>
      </c>
      <c r="D393" t="s">
        <v>132</v>
      </c>
      <c r="E393">
        <v>9</v>
      </c>
    </row>
    <row r="394" spans="1:5" x14ac:dyDescent="0.25">
      <c r="A394" t="s">
        <v>756</v>
      </c>
      <c r="B394" t="s">
        <v>765</v>
      </c>
      <c r="C394" t="s">
        <v>766</v>
      </c>
      <c r="D394" t="s">
        <v>485</v>
      </c>
      <c r="E394">
        <v>10</v>
      </c>
    </row>
    <row r="395" spans="1:5" x14ac:dyDescent="0.25">
      <c r="A395" t="s">
        <v>773</v>
      </c>
      <c r="B395" t="s">
        <v>75</v>
      </c>
      <c r="C395" t="s">
        <v>777</v>
      </c>
      <c r="D395" t="s">
        <v>111</v>
      </c>
      <c r="E395">
        <v>1</v>
      </c>
    </row>
    <row r="396" spans="1:5" x14ac:dyDescent="0.25">
      <c r="A396" t="s">
        <v>773</v>
      </c>
      <c r="B396" t="s">
        <v>746</v>
      </c>
      <c r="C396" t="s">
        <v>776</v>
      </c>
      <c r="D396" t="s">
        <v>111</v>
      </c>
      <c r="E396">
        <v>2</v>
      </c>
    </row>
    <row r="397" spans="1:5" x14ac:dyDescent="0.25">
      <c r="A397" t="s">
        <v>773</v>
      </c>
      <c r="B397" t="s">
        <v>774</v>
      </c>
      <c r="C397" t="s">
        <v>775</v>
      </c>
      <c r="D397" t="s">
        <v>25</v>
      </c>
      <c r="E397">
        <v>3</v>
      </c>
    </row>
    <row r="398" spans="1:5" x14ac:dyDescent="0.25">
      <c r="A398" t="s">
        <v>773</v>
      </c>
      <c r="B398" t="s">
        <v>783</v>
      </c>
      <c r="C398" t="s">
        <v>347</v>
      </c>
      <c r="D398" t="s">
        <v>237</v>
      </c>
      <c r="E398">
        <v>4</v>
      </c>
    </row>
    <row r="399" spans="1:5" x14ac:dyDescent="0.25">
      <c r="A399" t="s">
        <v>773</v>
      </c>
      <c r="B399" t="s">
        <v>298</v>
      </c>
      <c r="C399" t="s">
        <v>786</v>
      </c>
      <c r="D399" t="s">
        <v>198</v>
      </c>
      <c r="E399">
        <v>5</v>
      </c>
    </row>
    <row r="400" spans="1:5" x14ac:dyDescent="0.25">
      <c r="A400" t="s">
        <v>773</v>
      </c>
      <c r="B400" t="s">
        <v>787</v>
      </c>
      <c r="C400" t="s">
        <v>788</v>
      </c>
      <c r="D400" t="s">
        <v>401</v>
      </c>
      <c r="E400">
        <v>6</v>
      </c>
    </row>
    <row r="401" spans="1:5" x14ac:dyDescent="0.25">
      <c r="A401" t="s">
        <v>773</v>
      </c>
      <c r="B401" t="s">
        <v>212</v>
      </c>
      <c r="C401" t="s">
        <v>780</v>
      </c>
      <c r="D401" t="s">
        <v>247</v>
      </c>
      <c r="E401">
        <v>7</v>
      </c>
    </row>
    <row r="402" spans="1:5" x14ac:dyDescent="0.25">
      <c r="A402" t="s">
        <v>773</v>
      </c>
      <c r="B402" t="s">
        <v>781</v>
      </c>
      <c r="C402" t="s">
        <v>782</v>
      </c>
      <c r="D402" t="s">
        <v>120</v>
      </c>
      <c r="E402">
        <v>8</v>
      </c>
    </row>
    <row r="403" spans="1:5" x14ac:dyDescent="0.25">
      <c r="A403" t="s">
        <v>773</v>
      </c>
      <c r="B403" t="s">
        <v>784</v>
      </c>
      <c r="C403" t="s">
        <v>785</v>
      </c>
      <c r="D403" t="s">
        <v>198</v>
      </c>
      <c r="E403">
        <v>9</v>
      </c>
    </row>
    <row r="404" spans="1:5" x14ac:dyDescent="0.25">
      <c r="A404" t="s">
        <v>773</v>
      </c>
      <c r="B404" t="s">
        <v>434</v>
      </c>
      <c r="C404" t="s">
        <v>778</v>
      </c>
      <c r="D404" t="s">
        <v>155</v>
      </c>
      <c r="E404">
        <v>10</v>
      </c>
    </row>
    <row r="405" spans="1:5" x14ac:dyDescent="0.25">
      <c r="A405" t="s">
        <v>789</v>
      </c>
      <c r="B405" t="s">
        <v>556</v>
      </c>
      <c r="C405" t="s">
        <v>801</v>
      </c>
      <c r="D405" t="s">
        <v>238</v>
      </c>
      <c r="E405">
        <v>1</v>
      </c>
    </row>
    <row r="406" spans="1:5" x14ac:dyDescent="0.25">
      <c r="A406" t="s">
        <v>789</v>
      </c>
      <c r="B406" t="s">
        <v>797</v>
      </c>
      <c r="C406" t="s">
        <v>798</v>
      </c>
      <c r="D406" t="s">
        <v>369</v>
      </c>
      <c r="E406">
        <v>2</v>
      </c>
    </row>
    <row r="407" spans="1:5" x14ac:dyDescent="0.25">
      <c r="A407" t="s">
        <v>789</v>
      </c>
      <c r="B407" t="s">
        <v>55</v>
      </c>
      <c r="C407" t="s">
        <v>799</v>
      </c>
      <c r="D407" t="s">
        <v>278</v>
      </c>
      <c r="E407">
        <v>3</v>
      </c>
    </row>
    <row r="408" spans="1:5" x14ac:dyDescent="0.25">
      <c r="A408" t="s">
        <v>789</v>
      </c>
      <c r="B408" t="s">
        <v>463</v>
      </c>
      <c r="C408" t="s">
        <v>794</v>
      </c>
      <c r="D408" t="s">
        <v>108</v>
      </c>
      <c r="E408">
        <v>4</v>
      </c>
    </row>
    <row r="409" spans="1:5" x14ac:dyDescent="0.25">
      <c r="A409" t="s">
        <v>789</v>
      </c>
      <c r="B409" t="s">
        <v>792</v>
      </c>
      <c r="C409" t="s">
        <v>793</v>
      </c>
      <c r="D409" t="s">
        <v>22</v>
      </c>
      <c r="E409">
        <v>5</v>
      </c>
    </row>
    <row r="410" spans="1:5" x14ac:dyDescent="0.25">
      <c r="A410" t="s">
        <v>789</v>
      </c>
      <c r="B410" t="s">
        <v>412</v>
      </c>
      <c r="C410" t="s">
        <v>796</v>
      </c>
      <c r="D410" t="s">
        <v>369</v>
      </c>
      <c r="E410">
        <v>6</v>
      </c>
    </row>
    <row r="411" spans="1:5" x14ac:dyDescent="0.25">
      <c r="A411" t="s">
        <v>789</v>
      </c>
      <c r="B411" t="s">
        <v>795</v>
      </c>
      <c r="C411" t="s">
        <v>112</v>
      </c>
      <c r="D411" t="s">
        <v>420</v>
      </c>
      <c r="E411">
        <v>7</v>
      </c>
    </row>
    <row r="412" spans="1:5" x14ac:dyDescent="0.25">
      <c r="A412" t="s">
        <v>789</v>
      </c>
      <c r="B412" t="s">
        <v>355</v>
      </c>
      <c r="C412" t="s">
        <v>800</v>
      </c>
      <c r="D412" t="s">
        <v>330</v>
      </c>
      <c r="E412">
        <v>8</v>
      </c>
    </row>
    <row r="413" spans="1:5" x14ac:dyDescent="0.25">
      <c r="A413" t="s">
        <v>789</v>
      </c>
      <c r="B413" t="s">
        <v>790</v>
      </c>
      <c r="C413" t="s">
        <v>791</v>
      </c>
      <c r="D413" t="s">
        <v>15</v>
      </c>
      <c r="E413">
        <v>9</v>
      </c>
    </row>
    <row r="414" spans="1:5" x14ac:dyDescent="0.25">
      <c r="A414" t="s">
        <v>789</v>
      </c>
      <c r="B414" t="s">
        <v>218</v>
      </c>
      <c r="C414" t="s">
        <v>802</v>
      </c>
      <c r="D414" t="s">
        <v>285</v>
      </c>
      <c r="E414">
        <v>10</v>
      </c>
    </row>
    <row r="415" spans="1:5" x14ac:dyDescent="0.25">
      <c r="A415" t="s">
        <v>803</v>
      </c>
      <c r="B415" t="s">
        <v>808</v>
      </c>
      <c r="D415" t="s">
        <v>142</v>
      </c>
      <c r="E415">
        <v>1</v>
      </c>
    </row>
    <row r="416" spans="1:5" x14ac:dyDescent="0.25">
      <c r="A416" t="s">
        <v>803</v>
      </c>
      <c r="B416" t="s">
        <v>812</v>
      </c>
      <c r="D416" t="s">
        <v>470</v>
      </c>
      <c r="E416">
        <v>2</v>
      </c>
    </row>
    <row r="417" spans="1:5" x14ac:dyDescent="0.25">
      <c r="A417" t="s">
        <v>803</v>
      </c>
      <c r="B417" t="s">
        <v>807</v>
      </c>
      <c r="D417" t="s">
        <v>111</v>
      </c>
      <c r="E417">
        <v>3</v>
      </c>
    </row>
    <row r="418" spans="1:5" x14ac:dyDescent="0.25">
      <c r="A418" t="s">
        <v>803</v>
      </c>
      <c r="B418" t="s">
        <v>804</v>
      </c>
      <c r="D418" t="s">
        <v>15</v>
      </c>
      <c r="E418">
        <v>4</v>
      </c>
    </row>
    <row r="419" spans="1:5" x14ac:dyDescent="0.25">
      <c r="A419" t="s">
        <v>803</v>
      </c>
      <c r="B419" t="s">
        <v>810</v>
      </c>
      <c r="D419" t="s">
        <v>128</v>
      </c>
      <c r="E419">
        <v>5</v>
      </c>
    </row>
    <row r="420" spans="1:5" x14ac:dyDescent="0.25">
      <c r="A420" t="s">
        <v>803</v>
      </c>
      <c r="B420" t="s">
        <v>806</v>
      </c>
      <c r="D420" t="s">
        <v>8</v>
      </c>
      <c r="E420">
        <v>6</v>
      </c>
    </row>
    <row r="421" spans="1:5" x14ac:dyDescent="0.25">
      <c r="A421" t="s">
        <v>803</v>
      </c>
      <c r="B421" t="s">
        <v>809</v>
      </c>
      <c r="D421" t="s">
        <v>380</v>
      </c>
      <c r="E421">
        <v>7</v>
      </c>
    </row>
    <row r="422" spans="1:5" x14ac:dyDescent="0.25">
      <c r="A422" t="s">
        <v>803</v>
      </c>
      <c r="B422" t="s">
        <v>805</v>
      </c>
      <c r="D422" t="s">
        <v>94</v>
      </c>
      <c r="E422">
        <v>8</v>
      </c>
    </row>
    <row r="423" spans="1:5" x14ac:dyDescent="0.25">
      <c r="A423" t="s">
        <v>803</v>
      </c>
      <c r="B423" t="s">
        <v>811</v>
      </c>
      <c r="D423" t="s">
        <v>221</v>
      </c>
      <c r="E423">
        <v>9</v>
      </c>
    </row>
    <row r="424" spans="1:5" x14ac:dyDescent="0.25">
      <c r="A424" t="s">
        <v>803</v>
      </c>
      <c r="B424" t="s">
        <v>813</v>
      </c>
      <c r="D424" t="s">
        <v>58</v>
      </c>
      <c r="E424">
        <v>10</v>
      </c>
    </row>
    <row r="425" spans="1:5" x14ac:dyDescent="0.25">
      <c r="A425" t="s">
        <v>814</v>
      </c>
      <c r="B425" t="s">
        <v>819</v>
      </c>
      <c r="D425" t="s">
        <v>388</v>
      </c>
      <c r="E425">
        <v>1</v>
      </c>
    </row>
    <row r="426" spans="1:5" x14ac:dyDescent="0.25">
      <c r="A426" t="s">
        <v>814</v>
      </c>
      <c r="B426" t="s">
        <v>817</v>
      </c>
      <c r="D426" t="s">
        <v>408</v>
      </c>
      <c r="E426">
        <v>2</v>
      </c>
    </row>
    <row r="427" spans="1:5" x14ac:dyDescent="0.25">
      <c r="A427" t="s">
        <v>814</v>
      </c>
      <c r="B427" t="s">
        <v>821</v>
      </c>
      <c r="D427" t="s">
        <v>648</v>
      </c>
      <c r="E427">
        <v>3</v>
      </c>
    </row>
    <row r="428" spans="1:5" x14ac:dyDescent="0.25">
      <c r="A428" t="s">
        <v>814</v>
      </c>
      <c r="B428" t="s">
        <v>824</v>
      </c>
      <c r="D428" t="s">
        <v>165</v>
      </c>
      <c r="E428">
        <v>4</v>
      </c>
    </row>
    <row r="429" spans="1:5" x14ac:dyDescent="0.25">
      <c r="A429" t="s">
        <v>814</v>
      </c>
      <c r="B429" t="s">
        <v>816</v>
      </c>
      <c r="D429" t="s">
        <v>150</v>
      </c>
      <c r="E429">
        <v>5</v>
      </c>
    </row>
    <row r="430" spans="1:5" x14ac:dyDescent="0.25">
      <c r="A430" t="s">
        <v>814</v>
      </c>
      <c r="B430" t="s">
        <v>820</v>
      </c>
      <c r="D430" t="s">
        <v>108</v>
      </c>
      <c r="E430">
        <v>6</v>
      </c>
    </row>
    <row r="431" spans="1:5" x14ac:dyDescent="0.25">
      <c r="A431" t="s">
        <v>814</v>
      </c>
      <c r="B431" t="s">
        <v>815</v>
      </c>
      <c r="D431" t="s">
        <v>150</v>
      </c>
      <c r="E431">
        <v>7</v>
      </c>
    </row>
    <row r="432" spans="1:5" x14ac:dyDescent="0.25">
      <c r="A432" t="s">
        <v>814</v>
      </c>
      <c r="B432" t="s">
        <v>822</v>
      </c>
      <c r="D432" t="s">
        <v>447</v>
      </c>
      <c r="E432">
        <v>8</v>
      </c>
    </row>
    <row r="433" spans="1:5" x14ac:dyDescent="0.25">
      <c r="A433" t="s">
        <v>814</v>
      </c>
      <c r="B433" t="s">
        <v>823</v>
      </c>
      <c r="D433" t="s">
        <v>279</v>
      </c>
      <c r="E433">
        <v>9</v>
      </c>
    </row>
    <row r="434" spans="1:5" x14ac:dyDescent="0.25">
      <c r="A434" t="s">
        <v>814</v>
      </c>
      <c r="B434" t="s">
        <v>818</v>
      </c>
      <c r="D434" t="s">
        <v>207</v>
      </c>
      <c r="E434">
        <v>10</v>
      </c>
    </row>
    <row r="435" spans="1:5" x14ac:dyDescent="0.25">
      <c r="A435" t="s">
        <v>825</v>
      </c>
      <c r="B435" t="s">
        <v>831</v>
      </c>
      <c r="D435" t="s">
        <v>122</v>
      </c>
      <c r="E435">
        <v>1</v>
      </c>
    </row>
    <row r="436" spans="1:5" x14ac:dyDescent="0.25">
      <c r="A436" t="s">
        <v>825</v>
      </c>
      <c r="B436" t="s">
        <v>826</v>
      </c>
      <c r="D436" t="s">
        <v>25</v>
      </c>
      <c r="E436">
        <v>2</v>
      </c>
    </row>
    <row r="437" spans="1:5" x14ac:dyDescent="0.25">
      <c r="A437" t="s">
        <v>825</v>
      </c>
      <c r="B437" t="s">
        <v>834</v>
      </c>
      <c r="D437" t="s">
        <v>380</v>
      </c>
      <c r="E437">
        <v>3</v>
      </c>
    </row>
    <row r="438" spans="1:5" x14ac:dyDescent="0.25">
      <c r="A438" t="s">
        <v>825</v>
      </c>
      <c r="B438" t="s">
        <v>829</v>
      </c>
      <c r="D438" t="s">
        <v>388</v>
      </c>
      <c r="E438">
        <v>4</v>
      </c>
    </row>
    <row r="439" spans="1:5" x14ac:dyDescent="0.25">
      <c r="A439" t="s">
        <v>825</v>
      </c>
      <c r="B439" t="s">
        <v>832</v>
      </c>
      <c r="D439" t="s">
        <v>162</v>
      </c>
      <c r="E439">
        <v>5</v>
      </c>
    </row>
    <row r="440" spans="1:5" x14ac:dyDescent="0.25">
      <c r="A440" t="s">
        <v>825</v>
      </c>
      <c r="B440" t="s">
        <v>827</v>
      </c>
      <c r="D440" t="s">
        <v>138</v>
      </c>
      <c r="E440">
        <v>6</v>
      </c>
    </row>
    <row r="441" spans="1:5" x14ac:dyDescent="0.25">
      <c r="A441" t="s">
        <v>825</v>
      </c>
      <c r="B441" t="s">
        <v>835</v>
      </c>
      <c r="D441" t="s">
        <v>470</v>
      </c>
      <c r="E441">
        <v>7</v>
      </c>
    </row>
    <row r="442" spans="1:5" x14ac:dyDescent="0.25">
      <c r="A442" t="s">
        <v>825</v>
      </c>
      <c r="B442" t="s">
        <v>828</v>
      </c>
      <c r="D442" t="s">
        <v>31</v>
      </c>
      <c r="E442">
        <v>8</v>
      </c>
    </row>
    <row r="443" spans="1:5" x14ac:dyDescent="0.25">
      <c r="A443" t="s">
        <v>825</v>
      </c>
      <c r="B443" t="s">
        <v>833</v>
      </c>
      <c r="D443" t="s">
        <v>53</v>
      </c>
      <c r="E443">
        <v>9</v>
      </c>
    </row>
    <row r="444" spans="1:5" x14ac:dyDescent="0.25">
      <c r="A444" t="s">
        <v>825</v>
      </c>
      <c r="B444" t="s">
        <v>830</v>
      </c>
      <c r="D444" t="s">
        <v>142</v>
      </c>
      <c r="E444">
        <v>10</v>
      </c>
    </row>
    <row r="445" spans="1:5" x14ac:dyDescent="0.25">
      <c r="A445" t="s">
        <v>836</v>
      </c>
      <c r="B445" t="s">
        <v>846</v>
      </c>
      <c r="D445" t="s">
        <v>237</v>
      </c>
      <c r="E445">
        <v>1</v>
      </c>
    </row>
    <row r="446" spans="1:5" x14ac:dyDescent="0.25">
      <c r="A446" t="s">
        <v>836</v>
      </c>
      <c r="B446" t="s">
        <v>847</v>
      </c>
      <c r="D446" t="s">
        <v>162</v>
      </c>
      <c r="E446">
        <v>2</v>
      </c>
    </row>
    <row r="447" spans="1:5" x14ac:dyDescent="0.25">
      <c r="A447" t="s">
        <v>836</v>
      </c>
      <c r="B447" t="s">
        <v>844</v>
      </c>
      <c r="D447" t="s">
        <v>845</v>
      </c>
      <c r="E447">
        <v>3</v>
      </c>
    </row>
    <row r="448" spans="1:5" x14ac:dyDescent="0.25">
      <c r="A448" t="s">
        <v>836</v>
      </c>
      <c r="B448" t="s">
        <v>842</v>
      </c>
      <c r="D448" t="s">
        <v>843</v>
      </c>
      <c r="E448">
        <v>4</v>
      </c>
    </row>
    <row r="449" spans="1:5" x14ac:dyDescent="0.25">
      <c r="A449" t="s">
        <v>836</v>
      </c>
      <c r="B449" t="s">
        <v>841</v>
      </c>
      <c r="D449" t="s">
        <v>648</v>
      </c>
      <c r="E449">
        <v>5</v>
      </c>
    </row>
    <row r="450" spans="1:5" x14ac:dyDescent="0.25">
      <c r="A450" t="s">
        <v>836</v>
      </c>
      <c r="B450" t="s">
        <v>839</v>
      </c>
      <c r="D450" t="s">
        <v>25</v>
      </c>
      <c r="E450">
        <v>6</v>
      </c>
    </row>
    <row r="451" spans="1:5" x14ac:dyDescent="0.25">
      <c r="A451" t="s">
        <v>836</v>
      </c>
      <c r="B451" t="s">
        <v>838</v>
      </c>
      <c r="D451" t="s">
        <v>150</v>
      </c>
      <c r="E451">
        <v>7</v>
      </c>
    </row>
    <row r="452" spans="1:5" x14ac:dyDescent="0.25">
      <c r="A452" t="s">
        <v>836</v>
      </c>
      <c r="B452" t="s">
        <v>840</v>
      </c>
      <c r="D452" t="s">
        <v>111</v>
      </c>
      <c r="E452">
        <v>8</v>
      </c>
    </row>
    <row r="453" spans="1:5" x14ac:dyDescent="0.25">
      <c r="A453" t="s">
        <v>836</v>
      </c>
      <c r="B453" t="s">
        <v>848</v>
      </c>
      <c r="D453" t="s">
        <v>165</v>
      </c>
      <c r="E453">
        <v>9</v>
      </c>
    </row>
    <row r="454" spans="1:5" x14ac:dyDescent="0.25">
      <c r="A454" t="s">
        <v>836</v>
      </c>
      <c r="B454" t="s">
        <v>837</v>
      </c>
      <c r="D454" t="s">
        <v>22</v>
      </c>
      <c r="E454">
        <v>10</v>
      </c>
    </row>
    <row r="455" spans="1:5" x14ac:dyDescent="0.25">
      <c r="A455" t="s">
        <v>849</v>
      </c>
      <c r="B455" t="s">
        <v>851</v>
      </c>
      <c r="D455" t="s">
        <v>97</v>
      </c>
      <c r="E455">
        <v>1</v>
      </c>
    </row>
    <row r="456" spans="1:5" x14ac:dyDescent="0.25">
      <c r="A456" t="s">
        <v>849</v>
      </c>
      <c r="B456" t="s">
        <v>853</v>
      </c>
      <c r="D456" t="s">
        <v>247</v>
      </c>
      <c r="E456">
        <v>2</v>
      </c>
    </row>
    <row r="457" spans="1:5" x14ac:dyDescent="0.25">
      <c r="A457" t="s">
        <v>849</v>
      </c>
      <c r="B457" t="s">
        <v>856</v>
      </c>
      <c r="D457" t="s">
        <v>238</v>
      </c>
      <c r="E457">
        <v>3</v>
      </c>
    </row>
    <row r="458" spans="1:5" x14ac:dyDescent="0.25">
      <c r="A458" t="s">
        <v>849</v>
      </c>
      <c r="B458" t="s">
        <v>859</v>
      </c>
      <c r="D458" t="s">
        <v>221</v>
      </c>
      <c r="E458">
        <v>4</v>
      </c>
    </row>
    <row r="459" spans="1:5" x14ac:dyDescent="0.25">
      <c r="A459" t="s">
        <v>849</v>
      </c>
      <c r="B459" t="s">
        <v>852</v>
      </c>
      <c r="D459" t="s">
        <v>178</v>
      </c>
      <c r="E459">
        <v>5</v>
      </c>
    </row>
    <row r="460" spans="1:5" x14ac:dyDescent="0.25">
      <c r="A460" t="s">
        <v>849</v>
      </c>
      <c r="B460" t="s">
        <v>850</v>
      </c>
      <c r="D460" t="s">
        <v>97</v>
      </c>
      <c r="E460">
        <v>6</v>
      </c>
    </row>
    <row r="461" spans="1:5" x14ac:dyDescent="0.25">
      <c r="A461" t="s">
        <v>849</v>
      </c>
      <c r="B461" t="s">
        <v>854</v>
      </c>
      <c r="D461" t="s">
        <v>160</v>
      </c>
      <c r="E461">
        <v>7</v>
      </c>
    </row>
    <row r="462" spans="1:5" x14ac:dyDescent="0.25">
      <c r="A462" t="s">
        <v>849</v>
      </c>
      <c r="B462" t="s">
        <v>857</v>
      </c>
      <c r="D462" t="s">
        <v>858</v>
      </c>
      <c r="E462">
        <v>8</v>
      </c>
    </row>
    <row r="463" spans="1:5" x14ac:dyDescent="0.25">
      <c r="A463" t="s">
        <v>849</v>
      </c>
      <c r="B463" t="s">
        <v>855</v>
      </c>
      <c r="D463" t="s">
        <v>426</v>
      </c>
      <c r="E463">
        <v>9</v>
      </c>
    </row>
    <row r="464" spans="1:5" x14ac:dyDescent="0.25">
      <c r="A464" t="s">
        <v>860</v>
      </c>
      <c r="B464" t="s">
        <v>863</v>
      </c>
      <c r="D464" t="s">
        <v>388</v>
      </c>
      <c r="E464">
        <v>1</v>
      </c>
    </row>
    <row r="465" spans="1:5" x14ac:dyDescent="0.25">
      <c r="A465" t="s">
        <v>860</v>
      </c>
      <c r="B465" t="s">
        <v>866</v>
      </c>
      <c r="D465" t="s">
        <v>195</v>
      </c>
      <c r="E465">
        <v>2</v>
      </c>
    </row>
    <row r="466" spans="1:5" x14ac:dyDescent="0.25">
      <c r="A466" t="s">
        <v>860</v>
      </c>
      <c r="B466" t="s">
        <v>861</v>
      </c>
      <c r="D466" t="s">
        <v>25</v>
      </c>
      <c r="E466">
        <v>3</v>
      </c>
    </row>
    <row r="467" spans="1:5" x14ac:dyDescent="0.25">
      <c r="A467" t="s">
        <v>860</v>
      </c>
      <c r="B467" t="s">
        <v>862</v>
      </c>
      <c r="D467" t="s">
        <v>8</v>
      </c>
      <c r="E467">
        <v>4</v>
      </c>
    </row>
    <row r="468" spans="1:5" x14ac:dyDescent="0.25">
      <c r="A468" t="s">
        <v>860</v>
      </c>
      <c r="B468" t="s">
        <v>864</v>
      </c>
      <c r="D468" t="s">
        <v>142</v>
      </c>
      <c r="E468">
        <v>5</v>
      </c>
    </row>
    <row r="469" spans="1:5" x14ac:dyDescent="0.25">
      <c r="A469" t="s">
        <v>860</v>
      </c>
      <c r="B469" t="s">
        <v>865</v>
      </c>
      <c r="D469" t="s">
        <v>190</v>
      </c>
      <c r="E469">
        <v>6</v>
      </c>
    </row>
    <row r="470" spans="1:5" x14ac:dyDescent="0.25">
      <c r="A470" t="s">
        <v>867</v>
      </c>
      <c r="B470" t="s">
        <v>878</v>
      </c>
      <c r="C470" t="s">
        <v>879</v>
      </c>
      <c r="D470" t="s">
        <v>54</v>
      </c>
      <c r="E470">
        <v>1</v>
      </c>
    </row>
    <row r="471" spans="1:5" x14ac:dyDescent="0.25">
      <c r="A471" t="s">
        <v>867</v>
      </c>
      <c r="B471" t="s">
        <v>188</v>
      </c>
      <c r="C471" t="s">
        <v>881</v>
      </c>
      <c r="D471" t="s">
        <v>470</v>
      </c>
      <c r="E471">
        <v>2</v>
      </c>
    </row>
    <row r="472" spans="1:5" x14ac:dyDescent="0.25">
      <c r="A472" t="s">
        <v>867</v>
      </c>
      <c r="B472" t="s">
        <v>870</v>
      </c>
      <c r="C472" t="s">
        <v>871</v>
      </c>
      <c r="D472" t="s">
        <v>32</v>
      </c>
      <c r="E472">
        <v>3</v>
      </c>
    </row>
    <row r="473" spans="1:5" x14ac:dyDescent="0.25">
      <c r="A473" t="s">
        <v>867</v>
      </c>
      <c r="B473" t="s">
        <v>450</v>
      </c>
      <c r="C473" t="s">
        <v>880</v>
      </c>
      <c r="D473" t="s">
        <v>200</v>
      </c>
      <c r="E473">
        <v>4</v>
      </c>
    </row>
    <row r="474" spans="1:5" x14ac:dyDescent="0.25">
      <c r="A474" t="s">
        <v>867</v>
      </c>
      <c r="B474" t="s">
        <v>872</v>
      </c>
      <c r="C474" t="s">
        <v>873</v>
      </c>
      <c r="D474" t="s">
        <v>37</v>
      </c>
      <c r="E474">
        <v>5</v>
      </c>
    </row>
    <row r="475" spans="1:5" x14ac:dyDescent="0.25">
      <c r="A475" t="s">
        <v>867</v>
      </c>
      <c r="B475" t="s">
        <v>876</v>
      </c>
      <c r="C475" t="s">
        <v>877</v>
      </c>
      <c r="D475" t="s">
        <v>276</v>
      </c>
      <c r="E475">
        <v>6</v>
      </c>
    </row>
    <row r="476" spans="1:5" x14ac:dyDescent="0.25">
      <c r="A476" t="s">
        <v>867</v>
      </c>
      <c r="B476" t="s">
        <v>63</v>
      </c>
      <c r="C476" t="s">
        <v>284</v>
      </c>
      <c r="D476" t="s">
        <v>189</v>
      </c>
      <c r="E476">
        <v>7</v>
      </c>
    </row>
    <row r="477" spans="1:5" x14ac:dyDescent="0.25">
      <c r="A477" t="s">
        <v>867</v>
      </c>
      <c r="B477" t="s">
        <v>874</v>
      </c>
      <c r="C477" t="s">
        <v>875</v>
      </c>
      <c r="D477" t="s">
        <v>154</v>
      </c>
      <c r="E477">
        <v>8</v>
      </c>
    </row>
    <row r="478" spans="1:5" x14ac:dyDescent="0.25">
      <c r="A478" t="s">
        <v>867</v>
      </c>
      <c r="B478" t="s">
        <v>752</v>
      </c>
      <c r="C478" t="s">
        <v>869</v>
      </c>
      <c r="D478" t="s">
        <v>66</v>
      </c>
      <c r="E478">
        <v>9</v>
      </c>
    </row>
    <row r="479" spans="1:5" x14ac:dyDescent="0.25">
      <c r="A479" t="s">
        <v>867</v>
      </c>
      <c r="B479" t="s">
        <v>410</v>
      </c>
      <c r="C479" t="s">
        <v>868</v>
      </c>
      <c r="D479" t="s">
        <v>66</v>
      </c>
      <c r="E479">
        <v>10</v>
      </c>
    </row>
    <row r="480" spans="1:5" x14ac:dyDescent="0.25">
      <c r="A480" t="s">
        <v>882</v>
      </c>
      <c r="B480" t="s">
        <v>892</v>
      </c>
      <c r="D480" t="s">
        <v>198</v>
      </c>
      <c r="E480">
        <v>1</v>
      </c>
    </row>
    <row r="481" spans="1:5" x14ac:dyDescent="0.25">
      <c r="A481" t="s">
        <v>882</v>
      </c>
      <c r="B481" t="s">
        <v>889</v>
      </c>
      <c r="D481" t="s">
        <v>190</v>
      </c>
      <c r="E481">
        <v>2</v>
      </c>
    </row>
    <row r="482" spans="1:5" x14ac:dyDescent="0.25">
      <c r="A482" t="s">
        <v>882</v>
      </c>
      <c r="B482" t="s">
        <v>888</v>
      </c>
      <c r="D482" t="s">
        <v>563</v>
      </c>
      <c r="E482">
        <v>3</v>
      </c>
    </row>
    <row r="483" spans="1:5" x14ac:dyDescent="0.25">
      <c r="A483" t="s">
        <v>882</v>
      </c>
      <c r="B483" t="s">
        <v>890</v>
      </c>
      <c r="D483" t="s">
        <v>237</v>
      </c>
      <c r="E483">
        <v>4</v>
      </c>
    </row>
    <row r="484" spans="1:5" x14ac:dyDescent="0.25">
      <c r="A484" t="s">
        <v>882</v>
      </c>
      <c r="B484" t="s">
        <v>887</v>
      </c>
      <c r="D484" t="s">
        <v>46</v>
      </c>
      <c r="E484">
        <v>5</v>
      </c>
    </row>
    <row r="485" spans="1:5" x14ac:dyDescent="0.25">
      <c r="A485" t="s">
        <v>882</v>
      </c>
      <c r="B485" t="s">
        <v>886</v>
      </c>
      <c r="D485" t="s">
        <v>46</v>
      </c>
      <c r="E485">
        <v>6</v>
      </c>
    </row>
    <row r="486" spans="1:5" x14ac:dyDescent="0.25">
      <c r="A486" t="s">
        <v>882</v>
      </c>
      <c r="B486" t="s">
        <v>891</v>
      </c>
      <c r="D486" t="s">
        <v>198</v>
      </c>
      <c r="E486">
        <v>7</v>
      </c>
    </row>
    <row r="487" spans="1:5" x14ac:dyDescent="0.25">
      <c r="A487" t="s">
        <v>882</v>
      </c>
      <c r="B487" t="s">
        <v>883</v>
      </c>
      <c r="D487" t="s">
        <v>417</v>
      </c>
      <c r="E487">
        <v>8</v>
      </c>
    </row>
    <row r="488" spans="1:5" x14ac:dyDescent="0.25">
      <c r="A488" t="s">
        <v>882</v>
      </c>
      <c r="B488" t="s">
        <v>884</v>
      </c>
      <c r="D488" t="s">
        <v>32</v>
      </c>
      <c r="E488">
        <v>9</v>
      </c>
    </row>
    <row r="489" spans="1:5" x14ac:dyDescent="0.25">
      <c r="A489" t="s">
        <v>882</v>
      </c>
      <c r="B489" t="s">
        <v>885</v>
      </c>
      <c r="D489" t="s">
        <v>182</v>
      </c>
      <c r="E489">
        <v>10</v>
      </c>
    </row>
    <row r="490" spans="1:5" x14ac:dyDescent="0.25">
      <c r="A490" t="s">
        <v>893</v>
      </c>
      <c r="B490" t="s">
        <v>900</v>
      </c>
      <c r="D490" t="s">
        <v>134</v>
      </c>
      <c r="E490">
        <v>1</v>
      </c>
    </row>
    <row r="491" spans="1:5" x14ac:dyDescent="0.25">
      <c r="A491" t="s">
        <v>893</v>
      </c>
      <c r="B491" t="s">
        <v>899</v>
      </c>
      <c r="D491" t="s">
        <v>221</v>
      </c>
      <c r="E491">
        <v>2</v>
      </c>
    </row>
    <row r="492" spans="1:5" x14ac:dyDescent="0.25">
      <c r="A492" t="s">
        <v>893</v>
      </c>
      <c r="B492" t="s">
        <v>898</v>
      </c>
      <c r="D492" t="s">
        <v>144</v>
      </c>
      <c r="E492">
        <v>3</v>
      </c>
    </row>
    <row r="493" spans="1:5" x14ac:dyDescent="0.25">
      <c r="A493" t="s">
        <v>893</v>
      </c>
      <c r="B493" t="s">
        <v>894</v>
      </c>
      <c r="D493" t="s">
        <v>94</v>
      </c>
      <c r="E493">
        <v>4</v>
      </c>
    </row>
    <row r="494" spans="1:5" x14ac:dyDescent="0.25">
      <c r="A494" t="s">
        <v>893</v>
      </c>
      <c r="B494" t="s">
        <v>897</v>
      </c>
      <c r="D494" t="s">
        <v>37</v>
      </c>
      <c r="E494">
        <v>5</v>
      </c>
    </row>
    <row r="495" spans="1:5" x14ac:dyDescent="0.25">
      <c r="A495" t="s">
        <v>893</v>
      </c>
      <c r="B495" t="s">
        <v>895</v>
      </c>
      <c r="D495" t="s">
        <v>417</v>
      </c>
      <c r="E495">
        <v>6</v>
      </c>
    </row>
    <row r="496" spans="1:5" x14ac:dyDescent="0.25">
      <c r="A496" t="s">
        <v>893</v>
      </c>
      <c r="B496" t="s">
        <v>896</v>
      </c>
      <c r="D496" t="s">
        <v>138</v>
      </c>
      <c r="E496">
        <v>7</v>
      </c>
    </row>
    <row r="497" spans="1:5" x14ac:dyDescent="0.25">
      <c r="A497" t="s">
        <v>902</v>
      </c>
      <c r="B497" t="s">
        <v>906</v>
      </c>
      <c r="C497" t="s">
        <v>586</v>
      </c>
      <c r="D497" t="s">
        <v>185</v>
      </c>
      <c r="E497">
        <v>1</v>
      </c>
    </row>
    <row r="498" spans="1:5" x14ac:dyDescent="0.25">
      <c r="A498" t="s">
        <v>902</v>
      </c>
      <c r="B498" t="s">
        <v>403</v>
      </c>
      <c r="C498" t="s">
        <v>731</v>
      </c>
      <c r="D498" t="s">
        <v>8</v>
      </c>
      <c r="E498">
        <v>2</v>
      </c>
    </row>
    <row r="499" spans="1:5" x14ac:dyDescent="0.25">
      <c r="A499" t="s">
        <v>902</v>
      </c>
      <c r="B499" t="s">
        <v>903</v>
      </c>
      <c r="C499" t="s">
        <v>904</v>
      </c>
      <c r="D499" t="s">
        <v>171</v>
      </c>
      <c r="E499">
        <v>3</v>
      </c>
    </row>
    <row r="500" spans="1:5" x14ac:dyDescent="0.25">
      <c r="A500" t="s">
        <v>902</v>
      </c>
      <c r="B500" t="s">
        <v>209</v>
      </c>
      <c r="C500" t="s">
        <v>908</v>
      </c>
      <c r="D500" t="s">
        <v>909</v>
      </c>
      <c r="E500">
        <v>4</v>
      </c>
    </row>
    <row r="501" spans="1:5" x14ac:dyDescent="0.25">
      <c r="A501" t="s">
        <v>902</v>
      </c>
      <c r="B501" t="s">
        <v>49</v>
      </c>
      <c r="C501" t="s">
        <v>905</v>
      </c>
      <c r="D501" t="s">
        <v>97</v>
      </c>
      <c r="E501">
        <v>5</v>
      </c>
    </row>
    <row r="502" spans="1:5" x14ac:dyDescent="0.25">
      <c r="A502" t="s">
        <v>902</v>
      </c>
      <c r="B502" t="s">
        <v>907</v>
      </c>
      <c r="C502" t="s">
        <v>381</v>
      </c>
      <c r="D502" t="s">
        <v>108</v>
      </c>
      <c r="E502">
        <v>6</v>
      </c>
    </row>
    <row r="503" spans="1:5" x14ac:dyDescent="0.25">
      <c r="A503" t="s">
        <v>902</v>
      </c>
      <c r="B503" t="s">
        <v>274</v>
      </c>
      <c r="C503" t="s">
        <v>911</v>
      </c>
      <c r="D503" t="s">
        <v>122</v>
      </c>
      <c r="E503">
        <v>7</v>
      </c>
    </row>
    <row r="504" spans="1:5" x14ac:dyDescent="0.25">
      <c r="A504" t="s">
        <v>902</v>
      </c>
      <c r="B504" t="s">
        <v>167</v>
      </c>
      <c r="C504" t="s">
        <v>912</v>
      </c>
      <c r="D504" t="s">
        <v>238</v>
      </c>
      <c r="E504">
        <v>8</v>
      </c>
    </row>
    <row r="505" spans="1:5" x14ac:dyDescent="0.25">
      <c r="A505" t="s">
        <v>902</v>
      </c>
      <c r="B505" t="s">
        <v>471</v>
      </c>
      <c r="C505" t="s">
        <v>910</v>
      </c>
      <c r="D505" t="s">
        <v>397</v>
      </c>
      <c r="E505">
        <v>9</v>
      </c>
    </row>
    <row r="506" spans="1:5" x14ac:dyDescent="0.25">
      <c r="A506" t="s">
        <v>902</v>
      </c>
      <c r="B506" t="s">
        <v>700</v>
      </c>
      <c r="C506" t="s">
        <v>913</v>
      </c>
      <c r="D506" t="s">
        <v>380</v>
      </c>
      <c r="E506">
        <v>10</v>
      </c>
    </row>
    <row r="507" spans="1:5" x14ac:dyDescent="0.25">
      <c r="A507" t="s">
        <v>914</v>
      </c>
      <c r="B507" t="s">
        <v>923</v>
      </c>
      <c r="D507" t="s">
        <v>238</v>
      </c>
      <c r="E507">
        <v>1</v>
      </c>
    </row>
    <row r="508" spans="1:5" x14ac:dyDescent="0.25">
      <c r="A508" t="s">
        <v>914</v>
      </c>
      <c r="B508" t="s">
        <v>918</v>
      </c>
      <c r="D508" t="s">
        <v>175</v>
      </c>
      <c r="E508">
        <v>2</v>
      </c>
    </row>
    <row r="509" spans="1:5" x14ac:dyDescent="0.25">
      <c r="A509" t="s">
        <v>914</v>
      </c>
      <c r="B509" t="s">
        <v>919</v>
      </c>
      <c r="D509" t="s">
        <v>185</v>
      </c>
      <c r="E509">
        <v>3</v>
      </c>
    </row>
    <row r="510" spans="1:5" x14ac:dyDescent="0.25">
      <c r="A510" t="s">
        <v>914</v>
      </c>
      <c r="B510" t="s">
        <v>916</v>
      </c>
      <c r="D510" t="s">
        <v>66</v>
      </c>
      <c r="E510">
        <v>4</v>
      </c>
    </row>
    <row r="511" spans="1:5" x14ac:dyDescent="0.25">
      <c r="A511" t="s">
        <v>914</v>
      </c>
      <c r="B511" t="s">
        <v>917</v>
      </c>
      <c r="D511" t="s">
        <v>66</v>
      </c>
      <c r="E511">
        <v>5</v>
      </c>
    </row>
    <row r="512" spans="1:5" x14ac:dyDescent="0.25">
      <c r="A512" t="s">
        <v>914</v>
      </c>
      <c r="B512" t="s">
        <v>924</v>
      </c>
      <c r="D512" t="s">
        <v>256</v>
      </c>
      <c r="E512">
        <v>6</v>
      </c>
    </row>
    <row r="513" spans="1:5" x14ac:dyDescent="0.25">
      <c r="A513" t="s">
        <v>914</v>
      </c>
      <c r="B513" t="s">
        <v>915</v>
      </c>
      <c r="D513" t="s">
        <v>66</v>
      </c>
      <c r="E513">
        <v>7</v>
      </c>
    </row>
    <row r="514" spans="1:5" x14ac:dyDescent="0.25">
      <c r="A514" t="s">
        <v>914</v>
      </c>
      <c r="B514" t="s">
        <v>921</v>
      </c>
      <c r="D514" t="s">
        <v>122</v>
      </c>
      <c r="E514">
        <v>8</v>
      </c>
    </row>
    <row r="515" spans="1:5" x14ac:dyDescent="0.25">
      <c r="A515" t="s">
        <v>914</v>
      </c>
      <c r="B515" t="s">
        <v>920</v>
      </c>
      <c r="D515" t="s">
        <v>314</v>
      </c>
      <c r="E515">
        <v>9</v>
      </c>
    </row>
    <row r="516" spans="1:5" x14ac:dyDescent="0.25">
      <c r="A516" t="s">
        <v>914</v>
      </c>
      <c r="B516" t="s">
        <v>922</v>
      </c>
      <c r="D516" t="s">
        <v>122</v>
      </c>
      <c r="E516">
        <v>10</v>
      </c>
    </row>
    <row r="517" spans="1:5" x14ac:dyDescent="0.25">
      <c r="A517" t="s">
        <v>925</v>
      </c>
      <c r="B517" t="s">
        <v>934</v>
      </c>
      <c r="C517" t="s">
        <v>935</v>
      </c>
      <c r="D517" t="s">
        <v>54</v>
      </c>
      <c r="E517">
        <v>1</v>
      </c>
    </row>
    <row r="518" spans="1:5" x14ac:dyDescent="0.25">
      <c r="A518" t="s">
        <v>925</v>
      </c>
      <c r="B518" t="s">
        <v>936</v>
      </c>
      <c r="C518" t="s">
        <v>937</v>
      </c>
      <c r="D518" t="s">
        <v>165</v>
      </c>
      <c r="E518">
        <v>2</v>
      </c>
    </row>
    <row r="519" spans="1:5" x14ac:dyDescent="0.25">
      <c r="A519" t="s">
        <v>925</v>
      </c>
      <c r="B519" t="s">
        <v>730</v>
      </c>
      <c r="C519" t="s">
        <v>926</v>
      </c>
      <c r="D519" t="s">
        <v>97</v>
      </c>
      <c r="E519">
        <v>3</v>
      </c>
    </row>
    <row r="520" spans="1:5" x14ac:dyDescent="0.25">
      <c r="A520" t="s">
        <v>925</v>
      </c>
      <c r="B520" t="s">
        <v>931</v>
      </c>
      <c r="C520" t="s">
        <v>932</v>
      </c>
      <c r="D520" t="s">
        <v>122</v>
      </c>
      <c r="E520">
        <v>4</v>
      </c>
    </row>
    <row r="521" spans="1:5" x14ac:dyDescent="0.25">
      <c r="A521" t="s">
        <v>925</v>
      </c>
      <c r="B521" t="s">
        <v>524</v>
      </c>
      <c r="C521" t="s">
        <v>933</v>
      </c>
      <c r="D521" t="s">
        <v>380</v>
      </c>
      <c r="E521">
        <v>5</v>
      </c>
    </row>
    <row r="522" spans="1:5" x14ac:dyDescent="0.25">
      <c r="A522" t="s">
        <v>925</v>
      </c>
      <c r="B522" t="s">
        <v>407</v>
      </c>
      <c r="C522" t="s">
        <v>927</v>
      </c>
      <c r="D522" t="s">
        <v>563</v>
      </c>
      <c r="E522">
        <v>6</v>
      </c>
    </row>
    <row r="523" spans="1:5" x14ac:dyDescent="0.25">
      <c r="A523" t="s">
        <v>925</v>
      </c>
      <c r="B523" t="s">
        <v>938</v>
      </c>
      <c r="C523" t="s">
        <v>939</v>
      </c>
      <c r="D523" t="s">
        <v>58</v>
      </c>
      <c r="E523">
        <v>7</v>
      </c>
    </row>
    <row r="524" spans="1:5" x14ac:dyDescent="0.25">
      <c r="A524" t="s">
        <v>925</v>
      </c>
      <c r="B524" t="s">
        <v>928</v>
      </c>
      <c r="C524" t="s">
        <v>223</v>
      </c>
      <c r="D524" t="s">
        <v>278</v>
      </c>
      <c r="E524">
        <v>8</v>
      </c>
    </row>
    <row r="525" spans="1:5" x14ac:dyDescent="0.25">
      <c r="A525" t="s">
        <v>925</v>
      </c>
      <c r="B525" t="s">
        <v>907</v>
      </c>
      <c r="C525" t="s">
        <v>126</v>
      </c>
      <c r="D525" t="s">
        <v>189</v>
      </c>
      <c r="E525">
        <v>9</v>
      </c>
    </row>
    <row r="526" spans="1:5" x14ac:dyDescent="0.25">
      <c r="A526" t="s">
        <v>925</v>
      </c>
      <c r="B526" t="s">
        <v>929</v>
      </c>
      <c r="C526" t="s">
        <v>930</v>
      </c>
      <c r="D526" t="s">
        <v>122</v>
      </c>
      <c r="E526">
        <v>10</v>
      </c>
    </row>
    <row r="527" spans="1:5" x14ac:dyDescent="0.25">
      <c r="A527" t="s">
        <v>940</v>
      </c>
      <c r="B527" t="s">
        <v>792</v>
      </c>
      <c r="C527" t="s">
        <v>133</v>
      </c>
      <c r="D527" t="s">
        <v>40</v>
      </c>
      <c r="E527">
        <v>1</v>
      </c>
    </row>
    <row r="528" spans="1:5" x14ac:dyDescent="0.25">
      <c r="A528" t="s">
        <v>940</v>
      </c>
      <c r="B528" t="s">
        <v>949</v>
      </c>
      <c r="C528" t="s">
        <v>950</v>
      </c>
      <c r="D528" t="s">
        <v>117</v>
      </c>
      <c r="E528">
        <v>2</v>
      </c>
    </row>
    <row r="529" spans="1:5" x14ac:dyDescent="0.25">
      <c r="A529" t="s">
        <v>940</v>
      </c>
      <c r="B529" t="s">
        <v>718</v>
      </c>
      <c r="C529" t="s">
        <v>943</v>
      </c>
      <c r="D529" t="s">
        <v>249</v>
      </c>
      <c r="E529">
        <v>3</v>
      </c>
    </row>
    <row r="530" spans="1:5" x14ac:dyDescent="0.25">
      <c r="A530" t="s">
        <v>940</v>
      </c>
      <c r="B530" t="s">
        <v>649</v>
      </c>
      <c r="C530" t="s">
        <v>942</v>
      </c>
      <c r="D530" t="s">
        <v>48</v>
      </c>
      <c r="E530">
        <v>4</v>
      </c>
    </row>
    <row r="531" spans="1:5" x14ac:dyDescent="0.25">
      <c r="A531" t="s">
        <v>940</v>
      </c>
      <c r="B531" t="s">
        <v>946</v>
      </c>
      <c r="C531" t="s">
        <v>947</v>
      </c>
      <c r="D531" t="s">
        <v>278</v>
      </c>
      <c r="E531">
        <v>5</v>
      </c>
    </row>
    <row r="532" spans="1:5" x14ac:dyDescent="0.25">
      <c r="A532" t="s">
        <v>940</v>
      </c>
      <c r="B532" t="s">
        <v>951</v>
      </c>
      <c r="C532" t="s">
        <v>952</v>
      </c>
      <c r="D532" t="s">
        <v>120</v>
      </c>
      <c r="E532">
        <v>6</v>
      </c>
    </row>
    <row r="533" spans="1:5" x14ac:dyDescent="0.25">
      <c r="A533" t="s">
        <v>940</v>
      </c>
      <c r="B533" t="s">
        <v>953</v>
      </c>
      <c r="C533" t="s">
        <v>954</v>
      </c>
      <c r="D533" t="s">
        <v>238</v>
      </c>
      <c r="E533">
        <v>7</v>
      </c>
    </row>
    <row r="534" spans="1:5" x14ac:dyDescent="0.25">
      <c r="A534" t="s">
        <v>940</v>
      </c>
      <c r="B534" t="s">
        <v>404</v>
      </c>
      <c r="C534" t="s">
        <v>948</v>
      </c>
      <c r="D534" t="s">
        <v>117</v>
      </c>
      <c r="E534">
        <v>8</v>
      </c>
    </row>
    <row r="535" spans="1:5" x14ac:dyDescent="0.25">
      <c r="A535" t="s">
        <v>940</v>
      </c>
      <c r="B535" t="s">
        <v>944</v>
      </c>
      <c r="C535" t="s">
        <v>945</v>
      </c>
      <c r="D535" t="s">
        <v>519</v>
      </c>
      <c r="E535">
        <v>9</v>
      </c>
    </row>
    <row r="536" spans="1:5" x14ac:dyDescent="0.25">
      <c r="A536" t="s">
        <v>940</v>
      </c>
      <c r="B536" t="s">
        <v>779</v>
      </c>
      <c r="C536" t="s">
        <v>955</v>
      </c>
      <c r="D536" t="s">
        <v>56</v>
      </c>
      <c r="E536">
        <v>10</v>
      </c>
    </row>
    <row r="537" spans="1:5" x14ac:dyDescent="0.25">
      <c r="A537" t="s">
        <v>956</v>
      </c>
      <c r="B537" t="s">
        <v>258</v>
      </c>
      <c r="C537" t="s">
        <v>965</v>
      </c>
      <c r="D537" t="s">
        <v>211</v>
      </c>
      <c r="E537">
        <v>1</v>
      </c>
    </row>
    <row r="538" spans="1:5" x14ac:dyDescent="0.25">
      <c r="A538" t="s">
        <v>956</v>
      </c>
      <c r="B538" t="s">
        <v>960</v>
      </c>
      <c r="C538" t="s">
        <v>961</v>
      </c>
      <c r="D538" t="s">
        <v>182</v>
      </c>
      <c r="E538">
        <v>2</v>
      </c>
    </row>
    <row r="539" spans="1:5" x14ac:dyDescent="0.25">
      <c r="A539" t="s">
        <v>956</v>
      </c>
      <c r="B539" t="s">
        <v>962</v>
      </c>
      <c r="C539" t="s">
        <v>963</v>
      </c>
      <c r="D539" t="s">
        <v>8</v>
      </c>
      <c r="E539">
        <v>3</v>
      </c>
    </row>
    <row r="540" spans="1:5" x14ac:dyDescent="0.25">
      <c r="A540" t="s">
        <v>956</v>
      </c>
      <c r="B540" t="s">
        <v>967</v>
      </c>
      <c r="C540" t="s">
        <v>879</v>
      </c>
      <c r="D540" t="s">
        <v>162</v>
      </c>
      <c r="E540">
        <v>4</v>
      </c>
    </row>
    <row r="541" spans="1:5" x14ac:dyDescent="0.25">
      <c r="A541" t="s">
        <v>956</v>
      </c>
      <c r="B541" t="s">
        <v>34</v>
      </c>
      <c r="C541" t="s">
        <v>957</v>
      </c>
      <c r="D541" t="s">
        <v>171</v>
      </c>
      <c r="E541">
        <v>5</v>
      </c>
    </row>
    <row r="542" spans="1:5" x14ac:dyDescent="0.25">
      <c r="A542" t="s">
        <v>956</v>
      </c>
      <c r="B542" t="s">
        <v>757</v>
      </c>
      <c r="C542" t="s">
        <v>966</v>
      </c>
      <c r="D542" t="s">
        <v>426</v>
      </c>
      <c r="E542">
        <v>6</v>
      </c>
    </row>
    <row r="543" spans="1:5" x14ac:dyDescent="0.25">
      <c r="A543" t="s">
        <v>956</v>
      </c>
      <c r="B543" t="s">
        <v>968</v>
      </c>
      <c r="C543" t="s">
        <v>969</v>
      </c>
      <c r="D543" t="s">
        <v>221</v>
      </c>
      <c r="E543">
        <v>7</v>
      </c>
    </row>
    <row r="544" spans="1:5" x14ac:dyDescent="0.25">
      <c r="A544" t="s">
        <v>956</v>
      </c>
      <c r="B544" t="s">
        <v>218</v>
      </c>
      <c r="C544" t="s">
        <v>964</v>
      </c>
      <c r="D544" t="s">
        <v>82</v>
      </c>
      <c r="E544">
        <v>8</v>
      </c>
    </row>
    <row r="545" spans="1:5" x14ac:dyDescent="0.25">
      <c r="A545" t="s">
        <v>956</v>
      </c>
      <c r="B545" t="s">
        <v>958</v>
      </c>
      <c r="C545" t="s">
        <v>959</v>
      </c>
      <c r="D545" t="s">
        <v>308</v>
      </c>
      <c r="E545">
        <v>9</v>
      </c>
    </row>
    <row r="546" spans="1:5" x14ac:dyDescent="0.25">
      <c r="A546" t="s">
        <v>956</v>
      </c>
      <c r="B546" t="s">
        <v>292</v>
      </c>
      <c r="C546" t="s">
        <v>65</v>
      </c>
      <c r="D546" t="s">
        <v>330</v>
      </c>
      <c r="E546">
        <v>10</v>
      </c>
    </row>
    <row r="547" spans="1:5" x14ac:dyDescent="0.25">
      <c r="A547" t="s">
        <v>970</v>
      </c>
      <c r="B547" t="s">
        <v>977</v>
      </c>
      <c r="C547" t="s">
        <v>978</v>
      </c>
      <c r="D547" t="s">
        <v>142</v>
      </c>
      <c r="E547">
        <v>1</v>
      </c>
    </row>
    <row r="548" spans="1:5" x14ac:dyDescent="0.25">
      <c r="A548" t="s">
        <v>970</v>
      </c>
      <c r="B548" t="s">
        <v>971</v>
      </c>
      <c r="C548" t="s">
        <v>879</v>
      </c>
      <c r="D548" t="s">
        <v>150</v>
      </c>
      <c r="E548">
        <v>2</v>
      </c>
    </row>
    <row r="549" spans="1:5" x14ac:dyDescent="0.25">
      <c r="A549" t="s">
        <v>970</v>
      </c>
      <c r="B549" t="s">
        <v>975</v>
      </c>
      <c r="C549" t="s">
        <v>976</v>
      </c>
      <c r="D549" t="s">
        <v>46</v>
      </c>
      <c r="E549">
        <v>3</v>
      </c>
    </row>
    <row r="550" spans="1:5" x14ac:dyDescent="0.25">
      <c r="A550" t="s">
        <v>970</v>
      </c>
      <c r="B550" t="s">
        <v>964</v>
      </c>
      <c r="C550" t="s">
        <v>972</v>
      </c>
      <c r="D550" t="s">
        <v>97</v>
      </c>
      <c r="E550">
        <v>4</v>
      </c>
    </row>
    <row r="551" spans="1:5" x14ac:dyDescent="0.25">
      <c r="A551" t="s">
        <v>970</v>
      </c>
      <c r="B551" t="s">
        <v>170</v>
      </c>
      <c r="C551" t="s">
        <v>973</v>
      </c>
      <c r="D551" t="s">
        <v>37</v>
      </c>
      <c r="E551">
        <v>5</v>
      </c>
    </row>
    <row r="552" spans="1:5" x14ac:dyDescent="0.25">
      <c r="A552" t="s">
        <v>970</v>
      </c>
      <c r="B552" t="s">
        <v>172</v>
      </c>
      <c r="C552" t="s">
        <v>980</v>
      </c>
      <c r="D552" t="s">
        <v>48</v>
      </c>
      <c r="E552">
        <v>6</v>
      </c>
    </row>
    <row r="553" spans="1:5" x14ac:dyDescent="0.25">
      <c r="A553" t="s">
        <v>970</v>
      </c>
      <c r="B553" t="s">
        <v>382</v>
      </c>
      <c r="C553" t="s">
        <v>974</v>
      </c>
      <c r="D553" t="s">
        <v>46</v>
      </c>
      <c r="E553">
        <v>7</v>
      </c>
    </row>
    <row r="554" spans="1:5" x14ac:dyDescent="0.25">
      <c r="A554" t="s">
        <v>970</v>
      </c>
      <c r="B554" t="s">
        <v>290</v>
      </c>
      <c r="C554" t="s">
        <v>979</v>
      </c>
      <c r="D554" t="s">
        <v>48</v>
      </c>
      <c r="E554">
        <v>8</v>
      </c>
    </row>
    <row r="555" spans="1:5" x14ac:dyDescent="0.25">
      <c r="A555" t="s">
        <v>970</v>
      </c>
      <c r="B555" t="s">
        <v>100</v>
      </c>
      <c r="C555" t="s">
        <v>411</v>
      </c>
      <c r="D555" t="s">
        <v>380</v>
      </c>
      <c r="E555">
        <v>9</v>
      </c>
    </row>
    <row r="556" spans="1:5" x14ac:dyDescent="0.25">
      <c r="A556" t="s">
        <v>970</v>
      </c>
      <c r="B556" t="s">
        <v>184</v>
      </c>
      <c r="C556" t="s">
        <v>981</v>
      </c>
      <c r="D556" t="s">
        <v>982</v>
      </c>
      <c r="E556">
        <v>10</v>
      </c>
    </row>
    <row r="557" spans="1:5" x14ac:dyDescent="0.25">
      <c r="A557" t="s">
        <v>983</v>
      </c>
      <c r="B557" t="s">
        <v>992</v>
      </c>
      <c r="D557" t="s">
        <v>237</v>
      </c>
      <c r="E557">
        <v>1</v>
      </c>
    </row>
    <row r="558" spans="1:5" x14ac:dyDescent="0.25">
      <c r="A558" t="s">
        <v>983</v>
      </c>
      <c r="B558" t="s">
        <v>990</v>
      </c>
      <c r="D558" t="s">
        <v>279</v>
      </c>
      <c r="E558">
        <v>2</v>
      </c>
    </row>
    <row r="559" spans="1:5" x14ac:dyDescent="0.25">
      <c r="A559" t="s">
        <v>983</v>
      </c>
      <c r="B559" t="s">
        <v>988</v>
      </c>
      <c r="D559" t="s">
        <v>8</v>
      </c>
      <c r="E559">
        <v>3</v>
      </c>
    </row>
    <row r="560" spans="1:5" x14ac:dyDescent="0.25">
      <c r="A560" t="s">
        <v>983</v>
      </c>
      <c r="B560" t="s">
        <v>986</v>
      </c>
      <c r="D560" t="s">
        <v>97</v>
      </c>
      <c r="E560">
        <v>4</v>
      </c>
    </row>
    <row r="561" spans="1:5" x14ac:dyDescent="0.25">
      <c r="A561" t="s">
        <v>983</v>
      </c>
      <c r="B561" t="s">
        <v>987</v>
      </c>
      <c r="D561" t="s">
        <v>66</v>
      </c>
      <c r="E561">
        <v>5</v>
      </c>
    </row>
    <row r="562" spans="1:5" x14ac:dyDescent="0.25">
      <c r="A562" t="s">
        <v>983</v>
      </c>
      <c r="B562" t="s">
        <v>991</v>
      </c>
      <c r="D562" t="s">
        <v>122</v>
      </c>
      <c r="E562">
        <v>6</v>
      </c>
    </row>
    <row r="563" spans="1:5" x14ac:dyDescent="0.25">
      <c r="A563" t="s">
        <v>983</v>
      </c>
      <c r="B563" t="s">
        <v>984</v>
      </c>
      <c r="D563" t="s">
        <v>941</v>
      </c>
      <c r="E563">
        <v>7</v>
      </c>
    </row>
    <row r="564" spans="1:5" x14ac:dyDescent="0.25">
      <c r="A564" t="s">
        <v>983</v>
      </c>
      <c r="B564" t="s">
        <v>989</v>
      </c>
      <c r="D564" t="s">
        <v>111</v>
      </c>
      <c r="E564">
        <v>8</v>
      </c>
    </row>
    <row r="565" spans="1:5" x14ac:dyDescent="0.25">
      <c r="A565" t="s">
        <v>983</v>
      </c>
      <c r="B565" t="s">
        <v>985</v>
      </c>
      <c r="D565" t="s">
        <v>171</v>
      </c>
      <c r="E565">
        <v>9</v>
      </c>
    </row>
    <row r="566" spans="1:5" x14ac:dyDescent="0.25">
      <c r="A566" t="s">
        <v>983</v>
      </c>
      <c r="B566" t="s">
        <v>993</v>
      </c>
      <c r="D566" t="s">
        <v>901</v>
      </c>
      <c r="E566">
        <v>10</v>
      </c>
    </row>
    <row r="567" spans="1:5" x14ac:dyDescent="0.25">
      <c r="A567" t="s">
        <v>994</v>
      </c>
      <c r="B567" t="s">
        <v>1000</v>
      </c>
      <c r="D567" t="s">
        <v>48</v>
      </c>
      <c r="E567">
        <v>1</v>
      </c>
    </row>
    <row r="568" spans="1:5" x14ac:dyDescent="0.25">
      <c r="A568" t="s">
        <v>994</v>
      </c>
      <c r="B568" t="s">
        <v>1001</v>
      </c>
      <c r="D568" t="s">
        <v>48</v>
      </c>
      <c r="E568">
        <v>2</v>
      </c>
    </row>
    <row r="569" spans="1:5" x14ac:dyDescent="0.25">
      <c r="A569" t="s">
        <v>994</v>
      </c>
      <c r="B569" t="s">
        <v>1003</v>
      </c>
      <c r="D569" t="s">
        <v>238</v>
      </c>
      <c r="E569">
        <v>3</v>
      </c>
    </row>
    <row r="570" spans="1:5" x14ac:dyDescent="0.25">
      <c r="A570" t="s">
        <v>994</v>
      </c>
      <c r="B570" t="s">
        <v>1004</v>
      </c>
      <c r="D570" t="s">
        <v>215</v>
      </c>
      <c r="E570">
        <v>4</v>
      </c>
    </row>
    <row r="571" spans="1:5" x14ac:dyDescent="0.25">
      <c r="A571" t="s">
        <v>994</v>
      </c>
      <c r="B571" t="s">
        <v>998</v>
      </c>
      <c r="D571" t="s">
        <v>103</v>
      </c>
      <c r="E571">
        <v>5</v>
      </c>
    </row>
    <row r="572" spans="1:5" x14ac:dyDescent="0.25">
      <c r="A572" t="s">
        <v>994</v>
      </c>
      <c r="B572" t="s">
        <v>1002</v>
      </c>
      <c r="D572" t="s">
        <v>279</v>
      </c>
      <c r="E572">
        <v>6</v>
      </c>
    </row>
    <row r="573" spans="1:5" x14ac:dyDescent="0.25">
      <c r="A573" t="s">
        <v>994</v>
      </c>
      <c r="B573" t="s">
        <v>997</v>
      </c>
      <c r="D573" t="s">
        <v>102</v>
      </c>
      <c r="E573">
        <v>7</v>
      </c>
    </row>
    <row r="574" spans="1:5" x14ac:dyDescent="0.25">
      <c r="A574" t="s">
        <v>994</v>
      </c>
      <c r="B574" t="s">
        <v>996</v>
      </c>
      <c r="D574" t="s">
        <v>232</v>
      </c>
      <c r="E574">
        <v>8</v>
      </c>
    </row>
    <row r="575" spans="1:5" x14ac:dyDescent="0.25">
      <c r="A575" t="s">
        <v>994</v>
      </c>
      <c r="B575" t="s">
        <v>999</v>
      </c>
      <c r="D575" t="s">
        <v>211</v>
      </c>
      <c r="E575">
        <v>9</v>
      </c>
    </row>
    <row r="576" spans="1:5" x14ac:dyDescent="0.25">
      <c r="A576" t="s">
        <v>994</v>
      </c>
      <c r="B576" t="s">
        <v>995</v>
      </c>
      <c r="D576" t="s">
        <v>150</v>
      </c>
      <c r="E576">
        <v>10</v>
      </c>
    </row>
    <row r="577" spans="1:5" x14ac:dyDescent="0.25">
      <c r="A577" t="s">
        <v>1005</v>
      </c>
      <c r="B577" t="s">
        <v>1006</v>
      </c>
      <c r="D577" t="s">
        <v>33</v>
      </c>
      <c r="E577">
        <v>1</v>
      </c>
    </row>
    <row r="578" spans="1:5" x14ac:dyDescent="0.25">
      <c r="A578" t="s">
        <v>1005</v>
      </c>
      <c r="B578" t="s">
        <v>1012</v>
      </c>
      <c r="D578" t="s">
        <v>162</v>
      </c>
      <c r="E578">
        <v>2</v>
      </c>
    </row>
    <row r="579" spans="1:5" x14ac:dyDescent="0.25">
      <c r="A579" t="s">
        <v>1005</v>
      </c>
      <c r="B579" t="s">
        <v>1007</v>
      </c>
      <c r="D579" t="s">
        <v>8</v>
      </c>
      <c r="E579">
        <v>3</v>
      </c>
    </row>
    <row r="580" spans="1:5" x14ac:dyDescent="0.25">
      <c r="A580" t="s">
        <v>1005</v>
      </c>
      <c r="B580" t="s">
        <v>1008</v>
      </c>
      <c r="D580" t="s">
        <v>185</v>
      </c>
      <c r="E580">
        <v>4</v>
      </c>
    </row>
    <row r="581" spans="1:5" x14ac:dyDescent="0.25">
      <c r="A581" t="s">
        <v>1005</v>
      </c>
      <c r="B581" t="s">
        <v>1010</v>
      </c>
      <c r="D581" t="s">
        <v>506</v>
      </c>
      <c r="E581">
        <v>5</v>
      </c>
    </row>
    <row r="582" spans="1:5" x14ac:dyDescent="0.25">
      <c r="A582" t="s">
        <v>1005</v>
      </c>
      <c r="B582" t="s">
        <v>1009</v>
      </c>
      <c r="D582" t="s">
        <v>247</v>
      </c>
      <c r="E582">
        <v>6</v>
      </c>
    </row>
    <row r="583" spans="1:5" x14ac:dyDescent="0.25">
      <c r="A583" t="s">
        <v>1005</v>
      </c>
      <c r="B583" t="s">
        <v>1014</v>
      </c>
      <c r="D583" t="s">
        <v>901</v>
      </c>
      <c r="E583">
        <v>7</v>
      </c>
    </row>
    <row r="584" spans="1:5" x14ac:dyDescent="0.25">
      <c r="A584" t="s">
        <v>1005</v>
      </c>
      <c r="B584" t="s">
        <v>1011</v>
      </c>
      <c r="D584" t="s">
        <v>122</v>
      </c>
      <c r="E584">
        <v>8</v>
      </c>
    </row>
    <row r="585" spans="1:5" x14ac:dyDescent="0.25">
      <c r="A585" t="s">
        <v>1005</v>
      </c>
      <c r="B585" t="s">
        <v>1013</v>
      </c>
      <c r="D585" t="s">
        <v>380</v>
      </c>
      <c r="E585">
        <v>9</v>
      </c>
    </row>
  </sheetData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dimension ref="A1:J62"/>
  <sheetViews>
    <sheetView workbookViewId="0">
      <selection sqref="A1:J62"/>
    </sheetView>
  </sheetViews>
  <sheetFormatPr defaultRowHeight="15" x14ac:dyDescent="0.25"/>
  <sheetData>
    <row r="1" spans="1:10" x14ac:dyDescent="0.25">
      <c r="A1" s="1"/>
      <c r="B1" s="1"/>
      <c r="C1" s="1"/>
      <c r="D1" s="1"/>
      <c r="E1" s="1"/>
      <c r="F1" s="1"/>
      <c r="G1" s="1"/>
      <c r="H1" s="1"/>
      <c r="I1" s="1"/>
      <c r="J1" s="1"/>
    </row>
    <row r="2" spans="1:10" x14ac:dyDescent="0.25">
      <c r="A2" s="1"/>
      <c r="B2" s="1"/>
      <c r="C2" s="1"/>
      <c r="D2" s="1"/>
      <c r="E2" s="1"/>
      <c r="F2" s="1"/>
      <c r="G2" s="1"/>
      <c r="H2" s="1"/>
      <c r="I2" s="1"/>
      <c r="J2" s="1"/>
    </row>
    <row r="3" spans="1:10" x14ac:dyDescent="0.25">
      <c r="A3" s="1"/>
      <c r="B3" s="1"/>
      <c r="C3" s="1"/>
      <c r="D3" s="1"/>
      <c r="E3" s="1"/>
      <c r="F3" s="1"/>
      <c r="G3" s="1"/>
      <c r="H3" s="1"/>
      <c r="I3" s="1"/>
      <c r="J3" s="1"/>
    </row>
    <row r="4" spans="1:10" x14ac:dyDescent="0.25">
      <c r="A4" s="1"/>
      <c r="B4" s="1"/>
      <c r="C4" s="1"/>
      <c r="D4" s="1"/>
      <c r="E4" s="1"/>
      <c r="F4" s="1"/>
      <c r="G4" s="1"/>
      <c r="H4" s="1"/>
      <c r="I4" s="1"/>
      <c r="J4" s="1"/>
    </row>
    <row r="5" spans="1:10" x14ac:dyDescent="0.25">
      <c r="A5" s="1"/>
      <c r="B5" s="1"/>
      <c r="C5" s="1"/>
      <c r="D5" s="1"/>
      <c r="E5" s="1"/>
      <c r="F5" s="1"/>
      <c r="G5" s="1"/>
      <c r="H5" s="1"/>
      <c r="I5" s="1"/>
      <c r="J5" s="1"/>
    </row>
    <row r="6" spans="1:10" x14ac:dyDescent="0.25">
      <c r="A6" s="1"/>
      <c r="B6" s="1"/>
      <c r="C6" s="1"/>
      <c r="D6" s="1"/>
      <c r="E6" s="1"/>
      <c r="F6" s="1"/>
      <c r="G6" s="1"/>
      <c r="H6" s="1"/>
      <c r="I6" s="1"/>
      <c r="J6" s="1"/>
    </row>
    <row r="7" spans="1:10" x14ac:dyDescent="0.25">
      <c r="A7" s="1"/>
      <c r="B7" s="1"/>
      <c r="C7" s="1"/>
      <c r="D7" s="1"/>
      <c r="E7" s="1"/>
      <c r="F7" s="1"/>
      <c r="G7" s="1"/>
      <c r="H7" s="1"/>
      <c r="I7" s="1"/>
      <c r="J7" s="1"/>
    </row>
    <row r="8" spans="1:10" x14ac:dyDescent="0.25">
      <c r="A8" s="1"/>
      <c r="B8" s="1"/>
      <c r="C8" s="1"/>
      <c r="D8" s="1"/>
      <c r="E8" s="1"/>
      <c r="F8" s="1"/>
      <c r="G8" s="1"/>
      <c r="H8" s="1"/>
      <c r="I8" s="1"/>
      <c r="J8" s="1"/>
    </row>
    <row r="9" spans="1:10" x14ac:dyDescent="0.25">
      <c r="A9" s="1"/>
      <c r="B9" s="1"/>
      <c r="C9" s="1"/>
      <c r="D9" s="1"/>
      <c r="E9" s="1"/>
      <c r="F9" s="1"/>
      <c r="G9" s="1"/>
      <c r="H9" s="1"/>
      <c r="I9" s="1"/>
      <c r="J9" s="1"/>
    </row>
    <row r="10" spans="1:10" x14ac:dyDescent="0.25">
      <c r="A10" s="1"/>
      <c r="B10" s="1"/>
      <c r="C10" s="1"/>
      <c r="D10" s="1"/>
      <c r="E10" s="1"/>
      <c r="F10" s="1"/>
      <c r="G10" s="1"/>
      <c r="H10" s="1"/>
      <c r="I10" s="1"/>
      <c r="J10" s="1"/>
    </row>
    <row r="11" spans="1:10" x14ac:dyDescent="0.25">
      <c r="A11" s="2"/>
      <c r="B11" s="2"/>
      <c r="C11" s="2"/>
      <c r="D11" s="2"/>
      <c r="E11" s="2"/>
      <c r="F11" s="2"/>
      <c r="G11" s="2"/>
      <c r="H11" s="2"/>
      <c r="I11" s="2"/>
      <c r="J11" s="2"/>
    </row>
    <row r="12" spans="1:10" x14ac:dyDescent="0.25">
      <c r="A12" s="1"/>
      <c r="B12" s="1"/>
      <c r="C12" s="1"/>
      <c r="D12" s="1"/>
      <c r="E12" s="1"/>
      <c r="F12" s="1"/>
      <c r="G12" s="1"/>
      <c r="H12" s="1"/>
      <c r="I12" s="1"/>
      <c r="J12" s="1"/>
    </row>
    <row r="13" spans="1:10" x14ac:dyDescent="0.25">
      <c r="A13" s="1"/>
      <c r="B13" s="1"/>
      <c r="C13" s="1"/>
      <c r="D13" s="1"/>
      <c r="E13" s="1"/>
      <c r="F13" s="1"/>
      <c r="G13" s="1"/>
      <c r="H13" s="1"/>
      <c r="I13" s="1"/>
      <c r="J13" s="1"/>
    </row>
    <row r="14" spans="1:10" x14ac:dyDescent="0.25">
      <c r="A14" s="1"/>
      <c r="B14" s="1"/>
      <c r="C14" s="1"/>
      <c r="D14" s="1"/>
      <c r="E14" s="1"/>
      <c r="F14" s="1"/>
      <c r="G14" s="1"/>
      <c r="H14" s="1"/>
      <c r="I14" s="1"/>
      <c r="J14" s="1"/>
    </row>
    <row r="15" spans="1:10" x14ac:dyDescent="0.25">
      <c r="A15" s="1"/>
      <c r="B15" s="1"/>
      <c r="C15" s="1"/>
      <c r="D15" s="1"/>
      <c r="E15" s="1"/>
      <c r="F15" s="1"/>
      <c r="G15" s="1"/>
      <c r="H15" s="1"/>
      <c r="I15" s="1"/>
      <c r="J15" s="1"/>
    </row>
    <row r="16" spans="1:10" x14ac:dyDescent="0.25">
      <c r="A16" s="1"/>
      <c r="B16" s="1"/>
      <c r="C16" s="1"/>
      <c r="D16" s="1"/>
      <c r="E16" s="1"/>
      <c r="F16" s="1"/>
      <c r="G16" s="1"/>
      <c r="H16" s="1"/>
      <c r="I16" s="1"/>
      <c r="J16" s="1"/>
    </row>
    <row r="17" spans="1:10" x14ac:dyDescent="0.25">
      <c r="A17" s="1"/>
      <c r="B17" s="1"/>
      <c r="C17" s="1"/>
      <c r="D17" s="1"/>
      <c r="E17" s="1"/>
      <c r="F17" s="1"/>
      <c r="G17" s="1"/>
      <c r="H17" s="1"/>
      <c r="I17" s="1"/>
      <c r="J17" s="1"/>
    </row>
    <row r="18" spans="1:10" x14ac:dyDescent="0.25">
      <c r="A18" s="1"/>
      <c r="B18" s="1"/>
      <c r="C18" s="1"/>
      <c r="D18" s="1"/>
      <c r="E18" s="1"/>
      <c r="F18" s="1"/>
      <c r="G18" s="1"/>
      <c r="H18" s="1"/>
      <c r="I18" s="1"/>
      <c r="J18" s="1"/>
    </row>
    <row r="19" spans="1:10" x14ac:dyDescent="0.25">
      <c r="A19" s="1"/>
      <c r="B19" s="1"/>
      <c r="C19" s="1"/>
      <c r="D19" s="1"/>
      <c r="E19" s="1"/>
      <c r="F19" s="1"/>
      <c r="G19" s="1"/>
      <c r="H19" s="1"/>
      <c r="I19" s="1"/>
      <c r="J19" s="1"/>
    </row>
    <row r="20" spans="1:10" x14ac:dyDescent="0.25">
      <c r="A20" s="1"/>
      <c r="B20" s="1"/>
      <c r="C20" s="1"/>
      <c r="D20" s="1"/>
      <c r="E20" s="1"/>
      <c r="F20" s="1"/>
      <c r="G20" s="1"/>
      <c r="H20" s="1"/>
      <c r="I20" s="1"/>
      <c r="J20" s="1"/>
    </row>
    <row r="21" spans="1:10" x14ac:dyDescent="0.25">
      <c r="A21" s="1"/>
      <c r="B21" s="1"/>
      <c r="C21" s="1"/>
      <c r="D21" s="1"/>
      <c r="E21" s="1"/>
      <c r="F21" s="1"/>
      <c r="G21" s="1"/>
      <c r="H21" s="1"/>
      <c r="I21" s="1"/>
      <c r="J21" s="1"/>
    </row>
    <row r="22" spans="1:10" x14ac:dyDescent="0.25">
      <c r="A22" s="1"/>
      <c r="B22" s="1"/>
      <c r="C22" s="1"/>
      <c r="D22" s="1"/>
      <c r="E22" s="1"/>
      <c r="F22" s="1"/>
      <c r="G22" s="1"/>
      <c r="H22" s="1"/>
      <c r="I22" s="1"/>
      <c r="J22" s="1"/>
    </row>
    <row r="23" spans="1:10" x14ac:dyDescent="0.25">
      <c r="A23" s="1"/>
      <c r="B23" s="1"/>
      <c r="C23" s="1"/>
      <c r="D23" s="1"/>
      <c r="E23" s="1"/>
      <c r="F23" s="1"/>
      <c r="G23" s="1"/>
      <c r="H23" s="1"/>
      <c r="I23" s="1"/>
      <c r="J23" s="1"/>
    </row>
    <row r="24" spans="1:10" x14ac:dyDescent="0.25">
      <c r="A24" s="1"/>
      <c r="B24" s="1"/>
      <c r="C24" s="1"/>
      <c r="D24" s="1"/>
      <c r="E24" s="1"/>
      <c r="F24" s="1"/>
      <c r="G24" s="1"/>
      <c r="H24" s="1"/>
      <c r="I24" s="1"/>
      <c r="J24" s="1"/>
    </row>
    <row r="25" spans="1:10" x14ac:dyDescent="0.25">
      <c r="A25" s="1"/>
      <c r="B25" s="1"/>
      <c r="C25" s="1"/>
      <c r="D25" s="1"/>
      <c r="E25" s="1"/>
      <c r="F25" s="1"/>
      <c r="G25" s="1"/>
      <c r="H25" s="1"/>
      <c r="I25" s="1"/>
      <c r="J25" s="1"/>
    </row>
    <row r="26" spans="1:10" x14ac:dyDescent="0.25">
      <c r="A26" s="1"/>
      <c r="B26" s="1"/>
      <c r="C26" s="1"/>
      <c r="D26" s="1"/>
      <c r="E26" s="1"/>
      <c r="F26" s="1"/>
      <c r="G26" s="1"/>
      <c r="H26" s="1"/>
      <c r="I26" s="1"/>
      <c r="J26" s="1"/>
    </row>
    <row r="27" spans="1:10" x14ac:dyDescent="0.25">
      <c r="A27" s="1"/>
      <c r="B27" s="1"/>
      <c r="C27" s="1"/>
      <c r="D27" s="1"/>
      <c r="E27" s="1"/>
      <c r="F27" s="1"/>
      <c r="G27" s="1"/>
      <c r="H27" s="1"/>
      <c r="I27" s="1"/>
      <c r="J27" s="1"/>
    </row>
    <row r="28" spans="1:10" x14ac:dyDescent="0.25">
      <c r="A28" s="1"/>
      <c r="B28" s="1"/>
      <c r="C28" s="1"/>
      <c r="D28" s="1"/>
      <c r="E28" s="1"/>
      <c r="F28" s="1"/>
      <c r="G28" s="1"/>
      <c r="H28" s="1"/>
      <c r="I28" s="1"/>
      <c r="J28" s="1"/>
    </row>
    <row r="29" spans="1:10" x14ac:dyDescent="0.25">
      <c r="A29" s="1"/>
      <c r="B29" s="1"/>
      <c r="C29" s="1"/>
      <c r="D29" s="1"/>
      <c r="E29" s="1"/>
      <c r="F29" s="1"/>
      <c r="G29" s="1"/>
      <c r="H29" s="1"/>
      <c r="I29" s="1"/>
      <c r="J29" s="1"/>
    </row>
    <row r="30" spans="1:10" x14ac:dyDescent="0.25">
      <c r="A30" s="1"/>
      <c r="B30" s="1"/>
      <c r="C30" s="1"/>
      <c r="D30" s="1"/>
      <c r="E30" s="1"/>
      <c r="F30" s="1"/>
      <c r="G30" s="1"/>
      <c r="H30" s="1"/>
      <c r="I30" s="1"/>
      <c r="J30" s="1"/>
    </row>
    <row r="31" spans="1:10" x14ac:dyDescent="0.25">
      <c r="A31" s="1"/>
      <c r="B31" s="1"/>
      <c r="C31" s="1"/>
      <c r="D31" s="1"/>
      <c r="E31" s="1"/>
      <c r="F31" s="1"/>
      <c r="G31" s="1"/>
      <c r="H31" s="1"/>
      <c r="I31" s="1"/>
      <c r="J31" s="1"/>
    </row>
    <row r="32" spans="1:10" x14ac:dyDescent="0.25">
      <c r="A32" s="1"/>
      <c r="B32" s="1"/>
      <c r="C32" s="1"/>
      <c r="D32" s="1"/>
      <c r="E32" s="1"/>
      <c r="F32" s="1"/>
      <c r="G32" s="1"/>
      <c r="H32" s="1"/>
      <c r="I32" s="1"/>
      <c r="J32" s="1"/>
    </row>
    <row r="33" spans="1:10" x14ac:dyDescent="0.25">
      <c r="A33" s="1"/>
      <c r="B33" s="1"/>
      <c r="C33" s="1"/>
      <c r="D33" s="1"/>
      <c r="E33" s="1"/>
      <c r="F33" s="1"/>
      <c r="G33" s="1"/>
      <c r="H33" s="1"/>
      <c r="I33" s="1"/>
      <c r="J33" s="1"/>
    </row>
    <row r="34" spans="1:10" x14ac:dyDescent="0.25">
      <c r="A34" s="1"/>
      <c r="B34" s="1"/>
      <c r="C34" s="1"/>
      <c r="D34" s="1"/>
      <c r="E34" s="1"/>
      <c r="F34" s="1"/>
      <c r="G34" s="1"/>
      <c r="H34" s="1"/>
      <c r="I34" s="1"/>
      <c r="J34" s="1"/>
    </row>
    <row r="35" spans="1:10" x14ac:dyDescent="0.25">
      <c r="A35" s="1"/>
      <c r="B35" s="1"/>
      <c r="C35" s="1"/>
      <c r="D35" s="1"/>
      <c r="E35" s="1"/>
      <c r="F35" s="1"/>
      <c r="G35" s="1"/>
      <c r="H35" s="1"/>
      <c r="I35" s="1"/>
      <c r="J35" s="1"/>
    </row>
    <row r="36" spans="1:10" x14ac:dyDescent="0.25">
      <c r="A36" s="1"/>
      <c r="B36" s="1"/>
      <c r="C36" s="1"/>
      <c r="D36" s="1"/>
      <c r="E36" s="1"/>
      <c r="F36" s="1"/>
      <c r="G36" s="1"/>
      <c r="H36" s="1"/>
      <c r="I36" s="1"/>
      <c r="J36" s="1"/>
    </row>
    <row r="37" spans="1:10" x14ac:dyDescent="0.25">
      <c r="A37" s="1"/>
      <c r="B37" s="1"/>
      <c r="C37" s="1"/>
      <c r="D37" s="1"/>
      <c r="E37" s="1"/>
      <c r="F37" s="1"/>
      <c r="G37" s="1"/>
      <c r="H37" s="1"/>
      <c r="I37" s="1"/>
      <c r="J37" s="1"/>
    </row>
    <row r="38" spans="1:10" x14ac:dyDescent="0.25">
      <c r="A38" s="1"/>
      <c r="B38" s="1"/>
      <c r="C38" s="1"/>
      <c r="D38" s="1"/>
      <c r="E38" s="1"/>
      <c r="F38" s="1"/>
      <c r="G38" s="1"/>
      <c r="H38" s="1"/>
      <c r="I38" s="1"/>
      <c r="J38" s="1"/>
    </row>
    <row r="39" spans="1:10" x14ac:dyDescent="0.25">
      <c r="A39" s="1"/>
      <c r="B39" s="1"/>
      <c r="C39" s="1"/>
      <c r="D39" s="1"/>
      <c r="E39" s="1"/>
      <c r="F39" s="1"/>
      <c r="G39" s="1"/>
      <c r="H39" s="1"/>
      <c r="I39" s="1"/>
      <c r="J39" s="1"/>
    </row>
    <row r="40" spans="1:10" x14ac:dyDescent="0.25">
      <c r="A40" s="1"/>
      <c r="B40" s="1"/>
      <c r="C40" s="1"/>
      <c r="D40" s="1"/>
      <c r="E40" s="1"/>
      <c r="F40" s="1"/>
      <c r="G40" s="1"/>
      <c r="H40" s="1"/>
      <c r="I40" s="1"/>
      <c r="J40" s="1"/>
    </row>
    <row r="41" spans="1:10" x14ac:dyDescent="0.25">
      <c r="A41" s="1"/>
      <c r="B41" s="1"/>
      <c r="C41" s="1"/>
      <c r="D41" s="1"/>
      <c r="E41" s="1"/>
      <c r="F41" s="1"/>
      <c r="G41" s="1"/>
      <c r="H41" s="1"/>
      <c r="I41" s="1"/>
      <c r="J41" s="1"/>
    </row>
    <row r="42" spans="1:10" x14ac:dyDescent="0.25">
      <c r="A42" s="1"/>
      <c r="B42" s="1"/>
      <c r="C42" s="1"/>
      <c r="D42" s="1"/>
      <c r="E42" s="1"/>
      <c r="F42" s="1"/>
      <c r="G42" s="1"/>
      <c r="H42" s="1"/>
      <c r="I42" s="1"/>
      <c r="J42" s="1"/>
    </row>
    <row r="43" spans="1:10" x14ac:dyDescent="0.25">
      <c r="A43" s="1"/>
      <c r="B43" s="1"/>
      <c r="C43" s="1"/>
      <c r="D43" s="1"/>
      <c r="E43" s="1"/>
      <c r="F43" s="1"/>
      <c r="G43" s="1"/>
      <c r="H43" s="1"/>
      <c r="I43" s="1"/>
      <c r="J43" s="1"/>
    </row>
    <row r="44" spans="1:10" x14ac:dyDescent="0.25">
      <c r="A44" s="1"/>
      <c r="B44" s="1"/>
      <c r="C44" s="1"/>
      <c r="D44" s="1"/>
      <c r="E44" s="1"/>
      <c r="F44" s="1"/>
      <c r="G44" s="1"/>
      <c r="H44" s="1"/>
      <c r="I44" s="1"/>
      <c r="J44" s="1"/>
    </row>
    <row r="45" spans="1:10" x14ac:dyDescent="0.25">
      <c r="A45" s="1"/>
      <c r="B45" s="1"/>
      <c r="C45" s="1"/>
      <c r="D45" s="1"/>
      <c r="E45" s="1"/>
      <c r="F45" s="1"/>
      <c r="G45" s="1"/>
      <c r="H45" s="1"/>
      <c r="I45" s="1"/>
      <c r="J45" s="1"/>
    </row>
    <row r="46" spans="1:10" x14ac:dyDescent="0.25">
      <c r="A46" s="1"/>
      <c r="B46" s="1"/>
      <c r="C46" s="1"/>
      <c r="D46" s="1"/>
      <c r="E46" s="1"/>
      <c r="F46" s="1"/>
      <c r="G46" s="1"/>
      <c r="H46" s="1"/>
      <c r="I46" s="1"/>
      <c r="J46" s="1"/>
    </row>
    <row r="47" spans="1:10" x14ac:dyDescent="0.25">
      <c r="A47" s="1"/>
      <c r="B47" s="1"/>
      <c r="C47" s="1"/>
      <c r="D47" s="1"/>
      <c r="E47" s="1"/>
      <c r="F47" s="1"/>
      <c r="G47" s="1"/>
      <c r="H47" s="1"/>
      <c r="I47" s="1"/>
      <c r="J47" s="1"/>
    </row>
    <row r="48" spans="1:10" x14ac:dyDescent="0.25">
      <c r="A48" s="1"/>
      <c r="B48" s="1"/>
      <c r="C48" s="1"/>
      <c r="D48" s="1"/>
      <c r="E48" s="1"/>
      <c r="F48" s="1"/>
      <c r="G48" s="1"/>
      <c r="H48" s="1"/>
      <c r="I48" s="1"/>
      <c r="J48" s="1"/>
    </row>
    <row r="49" spans="1:10" x14ac:dyDescent="0.25">
      <c r="A49" s="1"/>
      <c r="B49" s="1"/>
      <c r="C49" s="1"/>
      <c r="D49" s="1"/>
      <c r="E49" s="1"/>
      <c r="F49" s="1"/>
      <c r="G49" s="1"/>
      <c r="H49" s="1"/>
      <c r="I49" s="1"/>
      <c r="J49" s="1"/>
    </row>
    <row r="50" spans="1:10" x14ac:dyDescent="0.25">
      <c r="A50" s="1"/>
      <c r="B50" s="1"/>
      <c r="C50" s="1"/>
      <c r="D50" s="1"/>
      <c r="E50" s="1"/>
      <c r="F50" s="1"/>
      <c r="G50" s="1"/>
      <c r="H50" s="1"/>
      <c r="I50" s="1"/>
      <c r="J50" s="1"/>
    </row>
    <row r="51" spans="1:10" x14ac:dyDescent="0.25">
      <c r="A51" s="1"/>
      <c r="B51" s="1"/>
      <c r="C51" s="1"/>
      <c r="D51" s="1"/>
      <c r="E51" s="1"/>
      <c r="F51" s="1"/>
      <c r="G51" s="1"/>
      <c r="H51" s="1"/>
      <c r="I51" s="1"/>
      <c r="J51" s="1"/>
    </row>
    <row r="52" spans="1:10" x14ac:dyDescent="0.25">
      <c r="A52" s="1"/>
      <c r="B52" s="1"/>
      <c r="C52" s="1"/>
      <c r="D52" s="1"/>
      <c r="E52" s="1"/>
      <c r="F52" s="1"/>
      <c r="G52" s="1"/>
      <c r="H52" s="1"/>
      <c r="I52" s="1"/>
      <c r="J52" s="1"/>
    </row>
    <row r="53" spans="1:10" x14ac:dyDescent="0.25">
      <c r="A53" s="1"/>
      <c r="B53" s="1"/>
      <c r="C53" s="1"/>
      <c r="D53" s="1"/>
      <c r="E53" s="1"/>
      <c r="F53" s="1"/>
      <c r="G53" s="1"/>
      <c r="H53" s="1"/>
      <c r="I53" s="1"/>
      <c r="J53" s="1"/>
    </row>
    <row r="54" spans="1:10" x14ac:dyDescent="0.25">
      <c r="A54" s="1"/>
      <c r="B54" s="1"/>
      <c r="C54" s="1"/>
      <c r="D54" s="1"/>
      <c r="E54" s="1"/>
      <c r="F54" s="1"/>
      <c r="G54" s="1"/>
      <c r="H54" s="1"/>
      <c r="I54" s="1"/>
      <c r="J54" s="1"/>
    </row>
    <row r="55" spans="1:10" x14ac:dyDescent="0.25">
      <c r="A55" s="1"/>
      <c r="B55" s="1"/>
      <c r="C55" s="1"/>
      <c r="D55" s="1"/>
      <c r="E55" s="1"/>
      <c r="F55" s="1"/>
      <c r="G55" s="1"/>
      <c r="H55" s="1"/>
      <c r="I55" s="1"/>
      <c r="J55" s="1"/>
    </row>
    <row r="56" spans="1:10" x14ac:dyDescent="0.25">
      <c r="A56" s="1"/>
      <c r="B56" s="1"/>
      <c r="C56" s="1"/>
      <c r="D56" s="1"/>
      <c r="E56" s="1"/>
      <c r="F56" s="1"/>
      <c r="G56" s="1"/>
      <c r="H56" s="1"/>
      <c r="I56" s="1"/>
      <c r="J56" s="1"/>
    </row>
    <row r="57" spans="1:10" x14ac:dyDescent="0.25">
      <c r="A57" s="1"/>
      <c r="B57" s="1"/>
      <c r="C57" s="1"/>
      <c r="D57" s="1"/>
      <c r="E57" s="1"/>
      <c r="F57" s="1"/>
      <c r="G57" s="1"/>
      <c r="H57" s="1"/>
      <c r="I57" s="1"/>
      <c r="J57" s="1"/>
    </row>
    <row r="58" spans="1:10" x14ac:dyDescent="0.25">
      <c r="A58" s="1"/>
      <c r="B58" s="1"/>
      <c r="C58" s="1"/>
      <c r="D58" s="1"/>
      <c r="E58" s="1"/>
      <c r="F58" s="1"/>
      <c r="G58" s="1"/>
      <c r="H58" s="1"/>
      <c r="I58" s="1"/>
      <c r="J58" s="1"/>
    </row>
    <row r="59" spans="1:10" x14ac:dyDescent="0.25">
      <c r="A59" s="1"/>
      <c r="B59" s="1"/>
      <c r="C59" s="1"/>
      <c r="D59" s="1"/>
      <c r="E59" s="1"/>
      <c r="F59" s="1"/>
      <c r="G59" s="1"/>
      <c r="H59" s="1"/>
      <c r="I59" s="1"/>
      <c r="J59" s="1"/>
    </row>
    <row r="60" spans="1:10" x14ac:dyDescent="0.25">
      <c r="A60" s="1"/>
      <c r="B60" s="1"/>
      <c r="C60" s="1"/>
      <c r="D60" s="1"/>
      <c r="E60" s="1"/>
      <c r="F60" s="1"/>
      <c r="G60" s="1"/>
      <c r="H60" s="1"/>
      <c r="I60" s="1"/>
      <c r="J60" s="1"/>
    </row>
    <row r="61" spans="1:10" x14ac:dyDescent="0.25">
      <c r="A61" s="1"/>
      <c r="B61" s="1"/>
      <c r="C61" s="1"/>
      <c r="D61" s="1"/>
      <c r="E61" s="1"/>
      <c r="F61" s="1"/>
      <c r="G61" s="1"/>
      <c r="H61" s="1"/>
      <c r="I61" s="1"/>
      <c r="J61" s="1"/>
    </row>
    <row r="62" spans="1:10" x14ac:dyDescent="0.25">
      <c r="A62" s="1"/>
      <c r="B62" s="1"/>
      <c r="C62" s="1"/>
      <c r="D62" s="1"/>
      <c r="E62" s="1"/>
      <c r="F62" s="1"/>
      <c r="G62" s="1"/>
      <c r="H62" s="1"/>
      <c r="I62" s="1"/>
      <c r="J62" s="1"/>
    </row>
  </sheetData>
  <sortState xmlns:xlrd2="http://schemas.microsoft.com/office/spreadsheetml/2017/richdata2" ref="A42:J62">
    <sortCondition descending="1" ref="H42:H62"/>
  </sortState>
  <pageMargins left="0.7" right="0.7" top="0.75" bottom="0.75" header="0.3" footer="0.3"/>
  <pageSetup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15 FBLA Results</vt:lpstr>
      <vt:lpstr>Application Scores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eiselman, Jacqui</dc:creator>
  <cp:lastModifiedBy>Davis, Molly</cp:lastModifiedBy>
  <dcterms:created xsi:type="dcterms:W3CDTF">2015-04-29T00:03:26Z</dcterms:created>
  <dcterms:modified xsi:type="dcterms:W3CDTF">2021-07-19T16:53:12Z</dcterms:modified>
</cp:coreProperties>
</file>